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2\meny\"/>
    </mc:Choice>
  </mc:AlternateContent>
  <xr:revisionPtr revIDLastSave="0" documentId="13_ncr:1_{389E7C96-223B-4F56-9162-56E0E3695D0D}" xr6:coauthVersionLast="36" xr6:coauthVersionMax="47" xr10:uidLastSave="{00000000-0000-0000-0000-000000000000}"/>
  <bookViews>
    <workbookView xWindow="1125" yWindow="1125" windowWidth="23670" windowHeight="12750" activeTab="1" xr2:uid="{00000000-000D-0000-FFFF-FFFF00000000}"/>
  </bookViews>
  <sheets>
    <sheet name="Customer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215" uniqueCount="104">
  <si>
    <t>前田</t>
  </si>
  <si>
    <t>遼</t>
  </si>
  <si>
    <t>ﾏｴﾀﾞ</t>
  </si>
  <si>
    <t>ﾘｮｳ</t>
  </si>
  <si>
    <t>東京都</t>
  </si>
  <si>
    <t>東京都新宿区西新宿2-19-13</t>
  </si>
  <si>
    <t>ASKﾋﾞﾙ</t>
  </si>
  <si>
    <t>03-3202-3370</t>
  </si>
  <si>
    <t>090-1234-5678</t>
  </si>
  <si>
    <t>mail@piersonss.co.jp</t>
  </si>
  <si>
    <t>要注意！</t>
  </si>
  <si>
    <t>斉藤</t>
  </si>
  <si>
    <t>雄一郎</t>
  </si>
  <si>
    <t>ｻｲﾄｳ</t>
  </si>
  <si>
    <t>ﾕｳｲﾁﾛｳ</t>
  </si>
  <si>
    <t>戸山</t>
  </si>
  <si>
    <t>進</t>
  </si>
  <si>
    <t>ﾄﾔﾏ</t>
  </si>
  <si>
    <t>ｽｽﾑ</t>
  </si>
  <si>
    <t>新宿区西新宿2-19-13</t>
  </si>
  <si>
    <t>DFビル8F</t>
  </si>
  <si>
    <t>03-3202-3331</t>
  </si>
  <si>
    <t>090-3234-4247</t>
  </si>
  <si>
    <t>mail@pierson.co.jp</t>
  </si>
  <si>
    <t>忘れ物有り</t>
  </si>
  <si>
    <t>ピアソン　システム　サポ</t>
  </si>
  <si>
    <t>ﾋﾟｱｿﾝｼｽﾃﾑｻ</t>
  </si>
  <si>
    <t>03-3202-333</t>
  </si>
  <si>
    <t>戸田</t>
  </si>
  <si>
    <t>次郎</t>
  </si>
  <si>
    <t>ﾄﾀﾞ</t>
  </si>
  <si>
    <t>ｼﾞﾛｳ</t>
  </si>
  <si>
    <t>佐々木</t>
  </si>
  <si>
    <t>五郎</t>
  </si>
  <si>
    <t>ｻｻｷ</t>
  </si>
  <si>
    <t>ｺﾞﾛｳ</t>
  </si>
  <si>
    <t>会員</t>
  </si>
  <si>
    <t>A</t>
  </si>
  <si>
    <t>ｶｲｲﾝ</t>
  </si>
  <si>
    <t>あああああああ</t>
  </si>
  <si>
    <t>いいいいいいい</t>
  </si>
  <si>
    <t>ｱｱｱｱｱｱｱｱｱｱ</t>
  </si>
  <si>
    <t>ｲｲｲｲｲｲｲｲｲｲ</t>
  </si>
  <si>
    <t>港区南青山12345467891011121314151617181920</t>
  </si>
  <si>
    <t>11111111112222222222333333333344444444445555555555</t>
  </si>
  <si>
    <t>鵠沼</t>
  </si>
  <si>
    <t>太郎</t>
  </si>
  <si>
    <t>ｸｹﾞﾇﾏ</t>
  </si>
  <si>
    <t>ﾀﾛｳ</t>
  </si>
  <si>
    <t>赤嶺</t>
  </si>
  <si>
    <t>ｱｶﾐﾈ</t>
  </si>
  <si>
    <t>CustomerID</t>
  </si>
  <si>
    <t>ShopID</t>
  </si>
  <si>
    <t>CustomerCode</t>
  </si>
  <si>
    <t>Myouji</t>
  </si>
  <si>
    <t>Namae</t>
  </si>
  <si>
    <t>MyoujiF</t>
  </si>
  <si>
    <t>NamaeF</t>
  </si>
  <si>
    <t>Informal</t>
  </si>
  <si>
    <t>BirthDay</t>
  </si>
  <si>
    <t>SEX</t>
  </si>
  <si>
    <t>PostalCode</t>
  </si>
  <si>
    <t>Address1</t>
  </si>
  <si>
    <t>Address2</t>
  </si>
  <si>
    <t>Address3</t>
  </si>
  <si>
    <t>TEL</t>
  </si>
  <si>
    <t>Cellular</t>
  </si>
  <si>
    <t>eMail1</t>
  </si>
  <si>
    <t>eMail2</t>
  </si>
  <si>
    <t>Memodata</t>
  </si>
  <si>
    <t>Company</t>
  </si>
  <si>
    <t>CompanyF</t>
  </si>
  <si>
    <t>CompanyTEL</t>
  </si>
  <si>
    <t>Grade</t>
  </si>
  <si>
    <t>Table1</t>
  </si>
  <si>
    <t>Table2</t>
  </si>
  <si>
    <t>Table3</t>
  </si>
  <si>
    <t>CheckTable</t>
  </si>
  <si>
    <t>DataType</t>
  </si>
  <si>
    <t>SalesMoney</t>
  </si>
  <si>
    <t>Comingstore</t>
  </si>
  <si>
    <t>Point</t>
  </si>
  <si>
    <t>SalesBack</t>
  </si>
  <si>
    <t>ComingBack</t>
  </si>
  <si>
    <t>PointBack</t>
  </si>
  <si>
    <t>LastStoreDay</t>
  </si>
  <si>
    <t>TermDay</t>
  </si>
  <si>
    <t>RegistDay</t>
  </si>
  <si>
    <t>Data1</t>
  </si>
  <si>
    <t>Data2</t>
  </si>
  <si>
    <t>Data3</t>
  </si>
  <si>
    <t>Info1</t>
  </si>
  <si>
    <t>Info2</t>
  </si>
  <si>
    <t>Info3</t>
  </si>
  <si>
    <t>RefixDay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6">
    <xf numFmtId="0" fontId="0" fillId="0" borderId="0" xfId="0">
      <alignment vertical="center"/>
    </xf>
    <xf numFmtId="22" fontId="0" fillId="0" borderId="0" xfId="0" applyNumberFormat="1">
      <alignment vertical="center"/>
    </xf>
    <xf numFmtId="0" fontId="0" fillId="0" borderId="0" xfId="0" quotePrefix="1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5777E533-DC23-440E-AF98-6317BA2270D4}" name="テーブル1" displayName="テーブル1" ref="A1:F89" totalsRowShown="0">
  <autoFilter ref="A1:F89" xr:uid="{EEC329D8-1B57-4E2E-ABC7-C0A59ECB96D6}"/>
  <tableColumns count="6">
    <tableColumn id="1" xr3:uid="{DAF5C6A1-8118-457D-BFF0-01061F433D62}" name="ID"/>
    <tableColumn id="2" xr3:uid="{7A5663B6-754E-48C7-AD55-B6554112B621}" name="TERMINATOR"/>
    <tableColumn id="3" xr3:uid="{CA8A5014-1617-4BCE-A445-D560D944D4F2}" name="MAX_LENGTH"/>
    <tableColumn id="4" xr3:uid="{04181BF7-D453-4042-9EBD-7AFE619C0D06}" name="COLLATION"/>
    <tableColumn id="5" xr3:uid="{A0D6A5E5-8D7A-4439-A447-E75C604DA793}" name="SOURCE"/>
    <tableColumn id="6" xr3:uid="{776B8878-61A0-4BFB-BEAF-5A41D99E499F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R49"/>
  <sheetViews>
    <sheetView topLeftCell="Y1" workbookViewId="0">
      <selection sqref="A1:AS1"/>
    </sheetView>
  </sheetViews>
  <sheetFormatPr defaultRowHeight="18.75" x14ac:dyDescent="0.4"/>
  <cols>
    <col min="9" max="9" width="15.875" bestFit="1" customWidth="1"/>
    <col min="35" max="37" width="15.875" bestFit="1" customWidth="1"/>
    <col min="44" max="44" width="16.875" bestFit="1" customWidth="1"/>
  </cols>
  <sheetData>
    <row r="1" spans="1:44" x14ac:dyDescent="0.4">
      <c r="A1" s="3" t="s">
        <v>51</v>
      </c>
      <c r="B1" s="4" t="s">
        <v>52</v>
      </c>
      <c r="C1" s="3" t="s">
        <v>53</v>
      </c>
      <c r="D1" s="4" t="s">
        <v>54</v>
      </c>
      <c r="E1" s="3" t="s">
        <v>55</v>
      </c>
      <c r="F1" s="4" t="s">
        <v>56</v>
      </c>
      <c r="G1" s="3" t="s">
        <v>57</v>
      </c>
      <c r="H1" s="4" t="s">
        <v>58</v>
      </c>
      <c r="I1" s="3" t="s">
        <v>59</v>
      </c>
      <c r="J1" s="4" t="s">
        <v>60</v>
      </c>
      <c r="K1" s="3" t="s">
        <v>61</v>
      </c>
      <c r="L1" s="4" t="s">
        <v>62</v>
      </c>
      <c r="M1" s="3" t="s">
        <v>63</v>
      </c>
      <c r="N1" s="4" t="s">
        <v>64</v>
      </c>
      <c r="O1" s="3" t="s">
        <v>65</v>
      </c>
      <c r="P1" s="4" t="s">
        <v>66</v>
      </c>
      <c r="Q1" s="3" t="s">
        <v>67</v>
      </c>
      <c r="R1" s="4" t="s">
        <v>68</v>
      </c>
      <c r="S1" s="3" t="s">
        <v>69</v>
      </c>
      <c r="T1" s="4" t="s">
        <v>70</v>
      </c>
      <c r="U1" s="3" t="s">
        <v>71</v>
      </c>
      <c r="V1" s="4" t="s">
        <v>72</v>
      </c>
      <c r="W1" s="3" t="s">
        <v>73</v>
      </c>
      <c r="X1" s="4" t="s">
        <v>74</v>
      </c>
      <c r="Y1" s="3" t="s">
        <v>75</v>
      </c>
      <c r="Z1" s="4" t="s">
        <v>76</v>
      </c>
      <c r="AA1" s="3" t="s">
        <v>77</v>
      </c>
      <c r="AB1" s="4" t="s">
        <v>78</v>
      </c>
      <c r="AC1" s="3" t="s">
        <v>79</v>
      </c>
      <c r="AD1" s="4" t="s">
        <v>80</v>
      </c>
      <c r="AE1" s="3" t="s">
        <v>81</v>
      </c>
      <c r="AF1" s="4" t="s">
        <v>82</v>
      </c>
      <c r="AG1" s="3" t="s">
        <v>83</v>
      </c>
      <c r="AH1" s="4" t="s">
        <v>84</v>
      </c>
      <c r="AI1" s="3" t="s">
        <v>85</v>
      </c>
      <c r="AJ1" s="4" t="s">
        <v>86</v>
      </c>
      <c r="AK1" s="3" t="s">
        <v>87</v>
      </c>
      <c r="AL1" s="4" t="s">
        <v>88</v>
      </c>
      <c r="AM1" s="3" t="s">
        <v>89</v>
      </c>
      <c r="AN1" s="4" t="s">
        <v>90</v>
      </c>
      <c r="AO1" s="3" t="s">
        <v>91</v>
      </c>
      <c r="AP1" s="4" t="s">
        <v>92</v>
      </c>
      <c r="AQ1" s="3" t="s">
        <v>93</v>
      </c>
      <c r="AR1" s="4" t="s">
        <v>94</v>
      </c>
    </row>
    <row r="2" spans="1:44" x14ac:dyDescent="0.4">
      <c r="A2">
        <v>1</v>
      </c>
      <c r="B2">
        <v>0</v>
      </c>
      <c r="C2">
        <v>10</v>
      </c>
      <c r="D2" t="s">
        <v>0</v>
      </c>
      <c r="E2" t="s">
        <v>1</v>
      </c>
      <c r="F2" t="s">
        <v>2</v>
      </c>
      <c r="G2" t="s">
        <v>3</v>
      </c>
      <c r="I2" s="1">
        <v>22766</v>
      </c>
      <c r="J2">
        <v>0</v>
      </c>
      <c r="K2">
        <v>1600021</v>
      </c>
      <c r="L2" t="s">
        <v>4</v>
      </c>
      <c r="M2" t="s">
        <v>5</v>
      </c>
      <c r="N2" t="s">
        <v>6</v>
      </c>
      <c r="O2" t="s">
        <v>7</v>
      </c>
      <c r="P2" t="s">
        <v>8</v>
      </c>
      <c r="R2" t="s">
        <v>9</v>
      </c>
      <c r="S2" t="s">
        <v>10</v>
      </c>
      <c r="W2">
        <v>1</v>
      </c>
      <c r="X2">
        <v>1</v>
      </c>
      <c r="Y2">
        <v>2</v>
      </c>
      <c r="Z2">
        <v>3</v>
      </c>
      <c r="AA2">
        <v>0</v>
      </c>
      <c r="AB2">
        <v>0</v>
      </c>
      <c r="AC2">
        <v>71802</v>
      </c>
      <c r="AD2">
        <v>25</v>
      </c>
      <c r="AE2">
        <v>224</v>
      </c>
      <c r="AF2">
        <v>26277</v>
      </c>
      <c r="AG2">
        <v>24</v>
      </c>
      <c r="AH2">
        <v>73</v>
      </c>
      <c r="AI2" s="1">
        <v>40315</v>
      </c>
      <c r="AJ2" s="1">
        <v>42141</v>
      </c>
      <c r="AK2" s="1">
        <v>39822</v>
      </c>
      <c r="AL2">
        <v>0</v>
      </c>
      <c r="AM2">
        <v>0</v>
      </c>
      <c r="AN2">
        <v>0</v>
      </c>
      <c r="AR2" s="1">
        <v>40315.456250000003</v>
      </c>
    </row>
    <row r="3" spans="1:44" x14ac:dyDescent="0.4">
      <c r="A3">
        <v>2</v>
      </c>
      <c r="B3">
        <v>0</v>
      </c>
      <c r="C3">
        <v>20</v>
      </c>
      <c r="D3" t="s">
        <v>11</v>
      </c>
      <c r="E3" t="s">
        <v>12</v>
      </c>
      <c r="F3" t="s">
        <v>13</v>
      </c>
      <c r="G3" t="s">
        <v>14</v>
      </c>
      <c r="I3" s="1">
        <v>25593</v>
      </c>
      <c r="J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16252</v>
      </c>
      <c r="AD3">
        <v>15</v>
      </c>
      <c r="AE3">
        <v>49</v>
      </c>
      <c r="AF3">
        <v>15152</v>
      </c>
      <c r="AG3">
        <v>14</v>
      </c>
      <c r="AH3">
        <v>46</v>
      </c>
      <c r="AI3" s="1">
        <v>40274</v>
      </c>
      <c r="AJ3" s="1">
        <v>40187</v>
      </c>
      <c r="AK3" s="1">
        <v>39822</v>
      </c>
      <c r="AL3">
        <v>0</v>
      </c>
      <c r="AM3">
        <v>0</v>
      </c>
      <c r="AN3">
        <v>0</v>
      </c>
      <c r="AR3" s="1">
        <v>40274.525000000001</v>
      </c>
    </row>
    <row r="4" spans="1:44" x14ac:dyDescent="0.4">
      <c r="A4">
        <v>5</v>
      </c>
      <c r="B4">
        <v>0</v>
      </c>
      <c r="C4">
        <v>1</v>
      </c>
      <c r="D4" t="s">
        <v>15</v>
      </c>
      <c r="E4" t="s">
        <v>16</v>
      </c>
      <c r="F4" t="s">
        <v>17</v>
      </c>
      <c r="G4" t="s">
        <v>18</v>
      </c>
      <c r="I4" s="1">
        <v>32510</v>
      </c>
      <c r="J4">
        <v>0</v>
      </c>
      <c r="K4">
        <v>1070062</v>
      </c>
      <c r="L4" t="s">
        <v>4</v>
      </c>
      <c r="M4" t="s">
        <v>19</v>
      </c>
      <c r="N4" t="s">
        <v>20</v>
      </c>
      <c r="O4" t="s">
        <v>21</v>
      </c>
      <c r="P4" t="s">
        <v>22</v>
      </c>
      <c r="R4" t="s">
        <v>23</v>
      </c>
      <c r="S4" t="s">
        <v>24</v>
      </c>
      <c r="T4" t="s">
        <v>25</v>
      </c>
      <c r="U4" t="s">
        <v>26</v>
      </c>
      <c r="V4" t="s">
        <v>27</v>
      </c>
      <c r="W4">
        <v>1</v>
      </c>
      <c r="X4">
        <v>3</v>
      </c>
      <c r="Y4">
        <v>2</v>
      </c>
      <c r="Z4">
        <v>2</v>
      </c>
      <c r="AA4">
        <v>0</v>
      </c>
      <c r="AB4">
        <v>0</v>
      </c>
      <c r="AC4">
        <v>341177</v>
      </c>
      <c r="AD4">
        <v>40</v>
      </c>
      <c r="AE4">
        <v>1150</v>
      </c>
      <c r="AF4">
        <v>295652</v>
      </c>
      <c r="AG4">
        <v>39</v>
      </c>
      <c r="AH4">
        <v>999</v>
      </c>
      <c r="AI4" s="1">
        <v>40315</v>
      </c>
      <c r="AJ4" s="1">
        <v>40558</v>
      </c>
      <c r="AK4" s="1">
        <v>39828</v>
      </c>
      <c r="AL4">
        <v>0</v>
      </c>
      <c r="AM4">
        <v>0</v>
      </c>
      <c r="AN4">
        <v>0</v>
      </c>
      <c r="AR4" s="1">
        <v>40315.456250000003</v>
      </c>
    </row>
    <row r="5" spans="1:44" x14ac:dyDescent="0.4">
      <c r="A5">
        <v>4</v>
      </c>
      <c r="B5">
        <v>0</v>
      </c>
      <c r="C5">
        <v>40</v>
      </c>
      <c r="D5" t="s">
        <v>28</v>
      </c>
      <c r="E5" t="s">
        <v>29</v>
      </c>
      <c r="F5" t="s">
        <v>30</v>
      </c>
      <c r="G5" t="s">
        <v>31</v>
      </c>
      <c r="I5" s="1">
        <v>33887</v>
      </c>
      <c r="J5">
        <v>0</v>
      </c>
      <c r="W5">
        <v>0</v>
      </c>
      <c r="X5">
        <v>0</v>
      </c>
      <c r="Y5">
        <v>0</v>
      </c>
      <c r="Z5">
        <v>0</v>
      </c>
      <c r="AA5">
        <v>0</v>
      </c>
      <c r="AB5">
        <v>0</v>
      </c>
      <c r="AC5">
        <v>10920</v>
      </c>
      <c r="AD5">
        <v>9</v>
      </c>
      <c r="AE5">
        <v>34</v>
      </c>
      <c r="AF5">
        <v>10235</v>
      </c>
      <c r="AG5">
        <v>8</v>
      </c>
      <c r="AH5">
        <v>32</v>
      </c>
      <c r="AI5" s="1">
        <v>40002</v>
      </c>
      <c r="AJ5" s="1">
        <v>40155</v>
      </c>
      <c r="AK5" s="1">
        <v>39822</v>
      </c>
      <c r="AL5">
        <v>0</v>
      </c>
      <c r="AM5">
        <v>0</v>
      </c>
      <c r="AN5">
        <v>0</v>
      </c>
      <c r="AR5" s="1">
        <v>39822.693055555559</v>
      </c>
    </row>
    <row r="6" spans="1:44" x14ac:dyDescent="0.4">
      <c r="A6">
        <v>6</v>
      </c>
      <c r="B6">
        <v>0</v>
      </c>
      <c r="C6">
        <v>3</v>
      </c>
      <c r="D6" t="s">
        <v>32</v>
      </c>
      <c r="E6" t="s">
        <v>33</v>
      </c>
      <c r="F6" t="s">
        <v>34</v>
      </c>
      <c r="G6" t="s">
        <v>35</v>
      </c>
      <c r="I6" s="1">
        <v>26299</v>
      </c>
      <c r="J6">
        <v>0</v>
      </c>
      <c r="W6">
        <v>0</v>
      </c>
      <c r="X6">
        <v>0</v>
      </c>
      <c r="Y6">
        <v>0</v>
      </c>
      <c r="Z6">
        <v>0</v>
      </c>
      <c r="AA6">
        <v>0</v>
      </c>
      <c r="AB6">
        <v>0</v>
      </c>
      <c r="AC6">
        <v>19136</v>
      </c>
      <c r="AD6">
        <v>14</v>
      </c>
      <c r="AE6">
        <v>47</v>
      </c>
      <c r="AF6">
        <v>16436</v>
      </c>
      <c r="AG6">
        <v>13</v>
      </c>
      <c r="AH6">
        <v>45</v>
      </c>
      <c r="AI6" s="1">
        <v>40183</v>
      </c>
      <c r="AJ6" s="1">
        <v>40197</v>
      </c>
      <c r="AK6" s="1">
        <v>39832</v>
      </c>
      <c r="AL6">
        <v>0</v>
      </c>
      <c r="AM6">
        <v>0</v>
      </c>
      <c r="AN6">
        <v>0</v>
      </c>
      <c r="AR6" s="1">
        <v>39966.775000000001</v>
      </c>
    </row>
    <row r="7" spans="1:44" x14ac:dyDescent="0.4">
      <c r="A7">
        <v>7</v>
      </c>
      <c r="B7">
        <v>0</v>
      </c>
      <c r="C7">
        <v>4</v>
      </c>
      <c r="I7" s="1">
        <v>1</v>
      </c>
      <c r="J7">
        <v>0</v>
      </c>
      <c r="W7">
        <v>0</v>
      </c>
      <c r="X7">
        <v>0</v>
      </c>
      <c r="Y7">
        <v>0</v>
      </c>
      <c r="Z7">
        <v>0</v>
      </c>
      <c r="AA7">
        <v>0</v>
      </c>
      <c r="AB7">
        <v>0</v>
      </c>
      <c r="AC7">
        <v>2370</v>
      </c>
      <c r="AD7">
        <v>4</v>
      </c>
      <c r="AE7">
        <v>6</v>
      </c>
      <c r="AF7">
        <v>1563</v>
      </c>
      <c r="AG7">
        <v>3</v>
      </c>
      <c r="AH7">
        <v>4</v>
      </c>
      <c r="AI7" s="1">
        <v>40007</v>
      </c>
      <c r="AJ7" s="1">
        <v>40197</v>
      </c>
      <c r="AK7" s="1">
        <v>39832</v>
      </c>
      <c r="AL7">
        <v>0</v>
      </c>
      <c r="AM7">
        <v>0</v>
      </c>
      <c r="AN7">
        <v>0</v>
      </c>
      <c r="AR7" s="1">
        <v>39832.740277777775</v>
      </c>
    </row>
    <row r="8" spans="1:44" x14ac:dyDescent="0.4">
      <c r="A8">
        <v>8</v>
      </c>
      <c r="B8">
        <v>0</v>
      </c>
      <c r="C8">
        <v>5</v>
      </c>
      <c r="I8" s="1">
        <v>1</v>
      </c>
      <c r="J8">
        <v>0</v>
      </c>
      <c r="W8">
        <v>0</v>
      </c>
      <c r="X8">
        <v>0</v>
      </c>
      <c r="Y8">
        <v>0</v>
      </c>
      <c r="Z8">
        <v>0</v>
      </c>
      <c r="AA8">
        <v>0</v>
      </c>
      <c r="AB8">
        <v>0</v>
      </c>
      <c r="AC8">
        <v>49686</v>
      </c>
      <c r="AD8">
        <v>8</v>
      </c>
      <c r="AE8">
        <v>161</v>
      </c>
      <c r="AF8">
        <v>4161</v>
      </c>
      <c r="AG8">
        <v>7</v>
      </c>
      <c r="AH8">
        <v>10</v>
      </c>
      <c r="AI8" s="1">
        <v>40315</v>
      </c>
      <c r="AJ8" s="1">
        <v>42141</v>
      </c>
      <c r="AK8" s="1">
        <v>39832</v>
      </c>
      <c r="AL8">
        <v>0</v>
      </c>
      <c r="AM8">
        <v>0</v>
      </c>
      <c r="AN8">
        <v>0</v>
      </c>
      <c r="AR8" s="1">
        <v>40315.456250000003</v>
      </c>
    </row>
    <row r="9" spans="1:44" x14ac:dyDescent="0.4">
      <c r="A9">
        <v>9</v>
      </c>
      <c r="B9">
        <v>0</v>
      </c>
      <c r="C9">
        <v>6</v>
      </c>
      <c r="I9" s="1">
        <v>1</v>
      </c>
      <c r="J9">
        <v>0</v>
      </c>
      <c r="W9">
        <v>0</v>
      </c>
      <c r="X9">
        <v>0</v>
      </c>
      <c r="Y9">
        <v>0</v>
      </c>
      <c r="Z9">
        <v>0</v>
      </c>
      <c r="AA9">
        <v>0</v>
      </c>
      <c r="AB9">
        <v>0</v>
      </c>
      <c r="AC9">
        <v>2007</v>
      </c>
      <c r="AD9">
        <v>3</v>
      </c>
      <c r="AE9">
        <v>6</v>
      </c>
      <c r="AF9">
        <v>1200</v>
      </c>
      <c r="AG9">
        <v>2</v>
      </c>
      <c r="AH9">
        <v>4</v>
      </c>
      <c r="AI9" s="1">
        <v>40007</v>
      </c>
      <c r="AJ9" s="1">
        <v>40198</v>
      </c>
      <c r="AK9" s="1">
        <v>39833</v>
      </c>
      <c r="AL9">
        <v>0</v>
      </c>
      <c r="AM9">
        <v>0</v>
      </c>
      <c r="AN9">
        <v>0</v>
      </c>
      <c r="AR9" s="1">
        <v>39833.682638888888</v>
      </c>
    </row>
    <row r="10" spans="1:44" x14ac:dyDescent="0.4">
      <c r="A10">
        <v>10</v>
      </c>
      <c r="B10">
        <v>0</v>
      </c>
      <c r="C10">
        <v>7</v>
      </c>
      <c r="I10" s="1">
        <v>1</v>
      </c>
      <c r="J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1467</v>
      </c>
      <c r="AD10">
        <v>2</v>
      </c>
      <c r="AE10">
        <v>4</v>
      </c>
      <c r="AF10">
        <v>660</v>
      </c>
      <c r="AG10">
        <v>1</v>
      </c>
      <c r="AH10">
        <v>2</v>
      </c>
      <c r="AI10" s="1">
        <v>40007</v>
      </c>
      <c r="AJ10" s="1">
        <v>40198</v>
      </c>
      <c r="AK10" s="1">
        <v>39833</v>
      </c>
      <c r="AL10">
        <v>0</v>
      </c>
      <c r="AM10">
        <v>0</v>
      </c>
      <c r="AN10">
        <v>0</v>
      </c>
      <c r="AR10" s="1">
        <v>39833.691666666666</v>
      </c>
    </row>
    <row r="11" spans="1:44" x14ac:dyDescent="0.4">
      <c r="A11">
        <v>11</v>
      </c>
      <c r="B11">
        <v>0</v>
      </c>
      <c r="C11">
        <v>8</v>
      </c>
      <c r="I11" s="1">
        <v>1</v>
      </c>
      <c r="J11">
        <v>0</v>
      </c>
      <c r="W11">
        <v>0</v>
      </c>
      <c r="X11">
        <v>0</v>
      </c>
      <c r="Y11">
        <v>0</v>
      </c>
      <c r="Z11">
        <v>0</v>
      </c>
      <c r="AA11">
        <v>0</v>
      </c>
      <c r="AB11">
        <v>0</v>
      </c>
      <c r="AC11">
        <v>1467</v>
      </c>
      <c r="AD11">
        <v>2</v>
      </c>
      <c r="AE11">
        <v>4</v>
      </c>
      <c r="AF11">
        <v>660</v>
      </c>
      <c r="AG11">
        <v>1</v>
      </c>
      <c r="AH11">
        <v>2</v>
      </c>
      <c r="AI11" s="1">
        <v>40007</v>
      </c>
      <c r="AJ11" s="1">
        <v>40198</v>
      </c>
      <c r="AK11" s="1">
        <v>39833</v>
      </c>
      <c r="AL11">
        <v>0</v>
      </c>
      <c r="AM11">
        <v>0</v>
      </c>
      <c r="AN11">
        <v>0</v>
      </c>
      <c r="AR11" s="1">
        <v>39833.695833333331</v>
      </c>
    </row>
    <row r="12" spans="1:44" x14ac:dyDescent="0.4">
      <c r="A12">
        <v>12</v>
      </c>
      <c r="B12">
        <v>0</v>
      </c>
      <c r="C12">
        <v>9</v>
      </c>
      <c r="I12" s="1">
        <v>1</v>
      </c>
      <c r="J12">
        <v>0</v>
      </c>
      <c r="W12">
        <v>0</v>
      </c>
      <c r="X12">
        <v>0</v>
      </c>
      <c r="Y12">
        <v>0</v>
      </c>
      <c r="Z12">
        <v>0</v>
      </c>
      <c r="AA12">
        <v>0</v>
      </c>
      <c r="AB12">
        <v>0</v>
      </c>
      <c r="AC12">
        <v>1255</v>
      </c>
      <c r="AD12">
        <v>2</v>
      </c>
      <c r="AE12">
        <v>2</v>
      </c>
      <c r="AF12">
        <v>448</v>
      </c>
      <c r="AG12">
        <v>1</v>
      </c>
      <c r="AH12">
        <v>0</v>
      </c>
      <c r="AI12" s="1">
        <v>40007</v>
      </c>
      <c r="AJ12" s="1">
        <v>40234</v>
      </c>
      <c r="AK12" s="1">
        <v>39869</v>
      </c>
      <c r="AL12">
        <v>0</v>
      </c>
      <c r="AM12">
        <v>0</v>
      </c>
      <c r="AN12">
        <v>0</v>
      </c>
      <c r="AR12" s="1">
        <v>39869.748611111114</v>
      </c>
    </row>
    <row r="13" spans="1:44" x14ac:dyDescent="0.4">
      <c r="A13">
        <v>13</v>
      </c>
      <c r="B13">
        <v>0</v>
      </c>
      <c r="C13">
        <v>11</v>
      </c>
      <c r="I13" s="1">
        <v>1</v>
      </c>
      <c r="J13">
        <v>0</v>
      </c>
      <c r="W13">
        <v>0</v>
      </c>
      <c r="X13">
        <v>0</v>
      </c>
      <c r="Y13">
        <v>0</v>
      </c>
      <c r="Z13">
        <v>0</v>
      </c>
      <c r="AA13">
        <v>0</v>
      </c>
      <c r="AB13">
        <v>0</v>
      </c>
      <c r="AC13">
        <v>1467</v>
      </c>
      <c r="AD13">
        <v>2</v>
      </c>
      <c r="AE13">
        <v>4</v>
      </c>
      <c r="AF13">
        <v>660</v>
      </c>
      <c r="AG13">
        <v>1</v>
      </c>
      <c r="AH13">
        <v>2</v>
      </c>
      <c r="AI13" s="1">
        <v>40007</v>
      </c>
      <c r="AJ13" s="1">
        <v>40234</v>
      </c>
      <c r="AK13" s="1">
        <v>39869</v>
      </c>
      <c r="AL13">
        <v>0</v>
      </c>
      <c r="AM13">
        <v>0</v>
      </c>
      <c r="AN13">
        <v>0</v>
      </c>
      <c r="AR13" s="1">
        <v>39869.749305555553</v>
      </c>
    </row>
    <row r="14" spans="1:44" x14ac:dyDescent="0.4">
      <c r="A14">
        <v>14</v>
      </c>
      <c r="B14">
        <v>0</v>
      </c>
      <c r="C14">
        <v>30</v>
      </c>
      <c r="I14" s="1">
        <v>1</v>
      </c>
      <c r="J14">
        <v>0</v>
      </c>
      <c r="W14">
        <v>0</v>
      </c>
      <c r="X14">
        <v>0</v>
      </c>
      <c r="Y14">
        <v>0</v>
      </c>
      <c r="Z14">
        <v>0</v>
      </c>
      <c r="AA14">
        <v>0</v>
      </c>
      <c r="AB14">
        <v>0</v>
      </c>
      <c r="AC14">
        <v>10666</v>
      </c>
      <c r="AD14">
        <v>8</v>
      </c>
      <c r="AE14">
        <v>36</v>
      </c>
      <c r="AF14">
        <v>9859</v>
      </c>
      <c r="AG14">
        <v>7</v>
      </c>
      <c r="AH14">
        <v>34</v>
      </c>
      <c r="AI14" s="1">
        <v>40007</v>
      </c>
      <c r="AJ14" s="1">
        <v>40353</v>
      </c>
      <c r="AK14" s="1">
        <v>39988</v>
      </c>
      <c r="AL14">
        <v>0</v>
      </c>
      <c r="AM14">
        <v>0</v>
      </c>
      <c r="AN14">
        <v>0</v>
      </c>
      <c r="AR14" s="1">
        <v>39988.695138888892</v>
      </c>
    </row>
    <row r="15" spans="1:44" x14ac:dyDescent="0.4">
      <c r="A15">
        <v>15</v>
      </c>
      <c r="B15">
        <v>0</v>
      </c>
      <c r="C15">
        <v>31</v>
      </c>
      <c r="I15" s="1">
        <v>1</v>
      </c>
      <c r="J15">
        <v>0</v>
      </c>
      <c r="W15">
        <v>0</v>
      </c>
      <c r="X15">
        <v>0</v>
      </c>
      <c r="Y15">
        <v>0</v>
      </c>
      <c r="Z15">
        <v>0</v>
      </c>
      <c r="AA15">
        <v>0</v>
      </c>
      <c r="AB15">
        <v>0</v>
      </c>
      <c r="AC15">
        <v>6361</v>
      </c>
      <c r="AD15">
        <v>2</v>
      </c>
      <c r="AE15">
        <v>24</v>
      </c>
      <c r="AF15">
        <v>360</v>
      </c>
      <c r="AG15">
        <v>1</v>
      </c>
      <c r="AH15">
        <v>0</v>
      </c>
      <c r="AI15" s="1">
        <v>40008</v>
      </c>
      <c r="AJ15" s="1">
        <v>40353</v>
      </c>
      <c r="AK15" s="1">
        <v>39988</v>
      </c>
      <c r="AL15">
        <v>0</v>
      </c>
      <c r="AM15">
        <v>0</v>
      </c>
      <c r="AN15">
        <v>0</v>
      </c>
      <c r="AR15" s="1">
        <v>39988.708333333336</v>
      </c>
    </row>
    <row r="16" spans="1:44" x14ac:dyDescent="0.4">
      <c r="A16">
        <v>16</v>
      </c>
      <c r="B16">
        <v>0</v>
      </c>
      <c r="C16">
        <v>32</v>
      </c>
      <c r="I16" s="1">
        <v>1</v>
      </c>
      <c r="J16">
        <v>0</v>
      </c>
      <c r="W16">
        <v>0</v>
      </c>
      <c r="X16">
        <v>0</v>
      </c>
      <c r="Y16">
        <v>0</v>
      </c>
      <c r="Z16">
        <v>0</v>
      </c>
      <c r="AA16">
        <v>0</v>
      </c>
      <c r="AB16">
        <v>0</v>
      </c>
      <c r="AC16">
        <v>6361</v>
      </c>
      <c r="AD16">
        <v>2</v>
      </c>
      <c r="AE16">
        <v>24</v>
      </c>
      <c r="AF16">
        <v>360</v>
      </c>
      <c r="AG16">
        <v>1</v>
      </c>
      <c r="AH16">
        <v>0</v>
      </c>
      <c r="AI16" s="1">
        <v>40008</v>
      </c>
      <c r="AJ16" s="1">
        <v>40353</v>
      </c>
      <c r="AK16" s="1">
        <v>39988</v>
      </c>
      <c r="AL16">
        <v>0</v>
      </c>
      <c r="AM16">
        <v>0</v>
      </c>
      <c r="AN16">
        <v>0</v>
      </c>
      <c r="AR16" s="1">
        <v>39988.709027777775</v>
      </c>
    </row>
    <row r="17" spans="1:44" x14ac:dyDescent="0.4">
      <c r="A17">
        <v>17</v>
      </c>
      <c r="B17">
        <v>0</v>
      </c>
      <c r="C17">
        <v>2</v>
      </c>
      <c r="I17" s="1">
        <v>1</v>
      </c>
      <c r="J17">
        <v>1</v>
      </c>
      <c r="W17">
        <v>1</v>
      </c>
      <c r="X17">
        <v>0</v>
      </c>
      <c r="Y17">
        <v>0</v>
      </c>
      <c r="Z17">
        <v>0</v>
      </c>
      <c r="AA17">
        <v>0</v>
      </c>
      <c r="AB17">
        <v>0</v>
      </c>
      <c r="AC17">
        <v>61425</v>
      </c>
      <c r="AD17">
        <v>15</v>
      </c>
      <c r="AE17">
        <v>270</v>
      </c>
      <c r="AF17">
        <v>15900</v>
      </c>
      <c r="AG17">
        <v>14</v>
      </c>
      <c r="AH17">
        <v>119</v>
      </c>
      <c r="AI17" s="1">
        <v>40315</v>
      </c>
      <c r="AJ17" s="1">
        <v>42138</v>
      </c>
      <c r="AK17" s="1">
        <v>40002</v>
      </c>
      <c r="AL17">
        <v>0</v>
      </c>
      <c r="AM17">
        <v>0</v>
      </c>
      <c r="AN17">
        <v>0</v>
      </c>
      <c r="AR17" s="1">
        <v>40315.456250000003</v>
      </c>
    </row>
    <row r="18" spans="1:44" x14ac:dyDescent="0.4">
      <c r="A18">
        <v>18</v>
      </c>
      <c r="B18">
        <v>0</v>
      </c>
      <c r="C18">
        <v>50</v>
      </c>
      <c r="I18" s="1">
        <v>1</v>
      </c>
      <c r="J18">
        <v>0</v>
      </c>
      <c r="W18">
        <v>1</v>
      </c>
      <c r="X18">
        <v>0</v>
      </c>
      <c r="Y18">
        <v>0</v>
      </c>
      <c r="Z18">
        <v>0</v>
      </c>
      <c r="AA18">
        <v>0</v>
      </c>
      <c r="AB18">
        <v>0</v>
      </c>
      <c r="AC18">
        <v>7739</v>
      </c>
      <c r="AD18">
        <v>4</v>
      </c>
      <c r="AE18">
        <v>28</v>
      </c>
      <c r="AF18">
        <v>7054</v>
      </c>
      <c r="AG18">
        <v>3</v>
      </c>
      <c r="AH18">
        <v>26</v>
      </c>
      <c r="AI18" s="1">
        <v>40002</v>
      </c>
      <c r="AJ18" s="1">
        <v>40155</v>
      </c>
      <c r="AK18" s="1">
        <v>40002</v>
      </c>
      <c r="AL18">
        <v>0</v>
      </c>
      <c r="AM18">
        <v>0</v>
      </c>
      <c r="AN18">
        <v>0</v>
      </c>
      <c r="AR18" s="1">
        <v>40002.72152777778</v>
      </c>
    </row>
    <row r="19" spans="1:44" x14ac:dyDescent="0.4">
      <c r="A19">
        <v>19</v>
      </c>
      <c r="B19">
        <v>0</v>
      </c>
      <c r="C19">
        <v>15</v>
      </c>
      <c r="I19" s="1">
        <v>1</v>
      </c>
      <c r="J19">
        <v>0</v>
      </c>
      <c r="W19">
        <v>1</v>
      </c>
      <c r="X19">
        <v>0</v>
      </c>
      <c r="Y19">
        <v>0</v>
      </c>
      <c r="Z19">
        <v>0</v>
      </c>
      <c r="AA19">
        <v>0</v>
      </c>
      <c r="AB19">
        <v>0</v>
      </c>
      <c r="AC19">
        <v>1492</v>
      </c>
      <c r="AD19">
        <v>2</v>
      </c>
      <c r="AE19">
        <v>4</v>
      </c>
      <c r="AF19">
        <v>685</v>
      </c>
      <c r="AG19">
        <v>1</v>
      </c>
      <c r="AH19">
        <v>2</v>
      </c>
      <c r="AI19" s="1">
        <v>40007</v>
      </c>
      <c r="AJ19" s="1">
        <v>40155</v>
      </c>
      <c r="AK19" s="1">
        <v>40002</v>
      </c>
      <c r="AL19">
        <v>0</v>
      </c>
      <c r="AM19">
        <v>0</v>
      </c>
      <c r="AN19">
        <v>0</v>
      </c>
      <c r="AR19" s="1">
        <v>40002.731944444444</v>
      </c>
    </row>
    <row r="20" spans="1:44" x14ac:dyDescent="0.4">
      <c r="A20">
        <v>21</v>
      </c>
      <c r="B20">
        <v>0</v>
      </c>
      <c r="C20">
        <v>100</v>
      </c>
      <c r="I20" s="1">
        <v>1</v>
      </c>
      <c r="J20">
        <v>0</v>
      </c>
      <c r="W20">
        <v>1</v>
      </c>
      <c r="X20">
        <v>0</v>
      </c>
      <c r="Y20">
        <v>0</v>
      </c>
      <c r="Z20">
        <v>0</v>
      </c>
      <c r="AA20">
        <v>0</v>
      </c>
      <c r="AB20">
        <v>0</v>
      </c>
      <c r="AC20">
        <v>685</v>
      </c>
      <c r="AD20">
        <v>1</v>
      </c>
      <c r="AE20">
        <v>2</v>
      </c>
      <c r="AF20">
        <v>0</v>
      </c>
      <c r="AG20">
        <v>0</v>
      </c>
      <c r="AH20">
        <v>0</v>
      </c>
      <c r="AI20" s="1">
        <v>40002</v>
      </c>
      <c r="AJ20" s="1">
        <v>40155</v>
      </c>
      <c r="AK20" s="1">
        <v>40002</v>
      </c>
      <c r="AL20">
        <v>0</v>
      </c>
      <c r="AM20">
        <v>0</v>
      </c>
      <c r="AN20">
        <v>0</v>
      </c>
      <c r="AR20" s="1">
        <v>40002.73541666667</v>
      </c>
    </row>
    <row r="21" spans="1:44" x14ac:dyDescent="0.4">
      <c r="A21">
        <v>22</v>
      </c>
      <c r="B21">
        <v>0</v>
      </c>
      <c r="C21">
        <v>200</v>
      </c>
      <c r="I21" s="1">
        <v>1</v>
      </c>
      <c r="J21">
        <v>0</v>
      </c>
      <c r="W21">
        <v>1</v>
      </c>
      <c r="X21">
        <v>0</v>
      </c>
      <c r="Y21">
        <v>0</v>
      </c>
      <c r="Z21">
        <v>0</v>
      </c>
      <c r="AA21">
        <v>0</v>
      </c>
      <c r="AB21">
        <v>0</v>
      </c>
      <c r="AC21">
        <v>685</v>
      </c>
      <c r="AD21">
        <v>1</v>
      </c>
      <c r="AE21">
        <v>2</v>
      </c>
      <c r="AF21">
        <v>0</v>
      </c>
      <c r="AG21">
        <v>0</v>
      </c>
      <c r="AH21">
        <v>0</v>
      </c>
      <c r="AI21" s="1">
        <v>40002</v>
      </c>
      <c r="AJ21" s="1">
        <v>40155</v>
      </c>
      <c r="AK21" s="1">
        <v>40002</v>
      </c>
      <c r="AL21">
        <v>0</v>
      </c>
      <c r="AM21">
        <v>0</v>
      </c>
      <c r="AN21">
        <v>0</v>
      </c>
      <c r="AR21" s="1">
        <v>40002.73541666667</v>
      </c>
    </row>
    <row r="22" spans="1:44" x14ac:dyDescent="0.4">
      <c r="A22">
        <v>23</v>
      </c>
      <c r="B22">
        <v>0</v>
      </c>
      <c r="C22">
        <v>300</v>
      </c>
      <c r="I22" s="1">
        <v>1</v>
      </c>
      <c r="J22">
        <v>0</v>
      </c>
      <c r="W22">
        <v>1</v>
      </c>
      <c r="X22">
        <v>0</v>
      </c>
      <c r="Y22">
        <v>0</v>
      </c>
      <c r="Z22">
        <v>0</v>
      </c>
      <c r="AA22">
        <v>0</v>
      </c>
      <c r="AB22">
        <v>0</v>
      </c>
      <c r="AC22">
        <v>685</v>
      </c>
      <c r="AD22">
        <v>1</v>
      </c>
      <c r="AE22">
        <v>2</v>
      </c>
      <c r="AF22">
        <v>0</v>
      </c>
      <c r="AG22">
        <v>0</v>
      </c>
      <c r="AH22">
        <v>0</v>
      </c>
      <c r="AI22" s="1">
        <v>40002</v>
      </c>
      <c r="AJ22" s="1">
        <v>40155</v>
      </c>
      <c r="AK22" s="1">
        <v>40002</v>
      </c>
      <c r="AL22">
        <v>0</v>
      </c>
      <c r="AM22">
        <v>0</v>
      </c>
      <c r="AN22">
        <v>0</v>
      </c>
      <c r="AR22" s="1">
        <v>40002.73541666667</v>
      </c>
    </row>
    <row r="23" spans="1:44" x14ac:dyDescent="0.4">
      <c r="A23">
        <v>24</v>
      </c>
      <c r="B23">
        <v>0</v>
      </c>
      <c r="C23">
        <v>12</v>
      </c>
      <c r="I23" s="1">
        <v>1</v>
      </c>
      <c r="J23">
        <v>0</v>
      </c>
      <c r="W23">
        <v>1</v>
      </c>
      <c r="X23">
        <v>0</v>
      </c>
      <c r="Y23">
        <v>0</v>
      </c>
      <c r="Z23">
        <v>0</v>
      </c>
      <c r="AA23">
        <v>0</v>
      </c>
      <c r="AB23">
        <v>0</v>
      </c>
      <c r="AC23">
        <v>807</v>
      </c>
      <c r="AD23">
        <v>1</v>
      </c>
      <c r="AE23">
        <v>2</v>
      </c>
      <c r="AF23">
        <v>0</v>
      </c>
      <c r="AG23">
        <v>0</v>
      </c>
      <c r="AH23">
        <v>0</v>
      </c>
      <c r="AI23" s="1">
        <v>40007</v>
      </c>
      <c r="AJ23" s="1">
        <v>40160</v>
      </c>
      <c r="AK23" s="1">
        <v>40007</v>
      </c>
      <c r="AL23">
        <v>0</v>
      </c>
      <c r="AM23">
        <v>0</v>
      </c>
      <c r="AN23">
        <v>0</v>
      </c>
      <c r="AR23" s="1">
        <v>40007.737500000003</v>
      </c>
    </row>
    <row r="24" spans="1:44" x14ac:dyDescent="0.4">
      <c r="A24">
        <v>25</v>
      </c>
      <c r="B24">
        <v>0</v>
      </c>
      <c r="C24">
        <v>13</v>
      </c>
      <c r="I24" s="1">
        <v>1</v>
      </c>
      <c r="J24">
        <v>0</v>
      </c>
      <c r="W24">
        <v>1</v>
      </c>
      <c r="X24">
        <v>0</v>
      </c>
      <c r="Y24">
        <v>0</v>
      </c>
      <c r="Z24">
        <v>0</v>
      </c>
      <c r="AA24">
        <v>0</v>
      </c>
      <c r="AB24">
        <v>0</v>
      </c>
      <c r="AC24">
        <v>807</v>
      </c>
      <c r="AD24">
        <v>1</v>
      </c>
      <c r="AE24">
        <v>2</v>
      </c>
      <c r="AF24">
        <v>0</v>
      </c>
      <c r="AG24">
        <v>0</v>
      </c>
      <c r="AH24">
        <v>0</v>
      </c>
      <c r="AI24" s="1">
        <v>40007</v>
      </c>
      <c r="AJ24" s="1">
        <v>40160</v>
      </c>
      <c r="AK24" s="1">
        <v>40007</v>
      </c>
      <c r="AL24">
        <v>0</v>
      </c>
      <c r="AM24">
        <v>0</v>
      </c>
      <c r="AN24">
        <v>0</v>
      </c>
      <c r="AR24" s="1">
        <v>40007.737500000003</v>
      </c>
    </row>
    <row r="25" spans="1:44" x14ac:dyDescent="0.4">
      <c r="A25">
        <v>26</v>
      </c>
      <c r="B25">
        <v>0</v>
      </c>
      <c r="C25">
        <v>14</v>
      </c>
      <c r="I25" s="1">
        <v>1</v>
      </c>
      <c r="J25">
        <v>0</v>
      </c>
      <c r="W25">
        <v>1</v>
      </c>
      <c r="X25">
        <v>0</v>
      </c>
      <c r="Y25">
        <v>0</v>
      </c>
      <c r="Z25">
        <v>0</v>
      </c>
      <c r="AA25">
        <v>0</v>
      </c>
      <c r="AB25">
        <v>0</v>
      </c>
      <c r="AC25">
        <v>807</v>
      </c>
      <c r="AD25">
        <v>1</v>
      </c>
      <c r="AE25">
        <v>2</v>
      </c>
      <c r="AF25">
        <v>0</v>
      </c>
      <c r="AG25">
        <v>0</v>
      </c>
      <c r="AH25">
        <v>0</v>
      </c>
      <c r="AI25" s="1">
        <v>40007</v>
      </c>
      <c r="AJ25" s="1">
        <v>40160</v>
      </c>
      <c r="AK25" s="1">
        <v>40007</v>
      </c>
      <c r="AL25">
        <v>0</v>
      </c>
      <c r="AM25">
        <v>0</v>
      </c>
      <c r="AN25">
        <v>0</v>
      </c>
      <c r="AR25" s="1">
        <v>40007.737500000003</v>
      </c>
    </row>
    <row r="26" spans="1:44" x14ac:dyDescent="0.4">
      <c r="A26">
        <v>27</v>
      </c>
      <c r="B26">
        <v>0</v>
      </c>
      <c r="C26">
        <v>33</v>
      </c>
      <c r="I26" s="1">
        <v>1</v>
      </c>
      <c r="J26">
        <v>0</v>
      </c>
      <c r="W26">
        <v>1</v>
      </c>
      <c r="X26">
        <v>0</v>
      </c>
      <c r="Y26">
        <v>0</v>
      </c>
      <c r="Z26">
        <v>0</v>
      </c>
      <c r="AA26">
        <v>0</v>
      </c>
      <c r="AB26">
        <v>0</v>
      </c>
      <c r="AC26">
        <v>6001</v>
      </c>
      <c r="AD26">
        <v>1</v>
      </c>
      <c r="AE26">
        <v>24</v>
      </c>
      <c r="AF26">
        <v>0</v>
      </c>
      <c r="AG26">
        <v>0</v>
      </c>
      <c r="AH26">
        <v>0</v>
      </c>
      <c r="AI26" s="1">
        <v>40008</v>
      </c>
      <c r="AJ26" s="1">
        <v>40161</v>
      </c>
      <c r="AK26" s="1">
        <v>40008</v>
      </c>
      <c r="AL26">
        <v>0</v>
      </c>
      <c r="AM26">
        <v>0</v>
      </c>
      <c r="AN26">
        <v>0</v>
      </c>
      <c r="AR26" s="1">
        <v>40008.605555555558</v>
      </c>
    </row>
    <row r="27" spans="1:44" x14ac:dyDescent="0.4">
      <c r="A27">
        <v>28</v>
      </c>
      <c r="B27">
        <v>0</v>
      </c>
      <c r="C27">
        <v>34</v>
      </c>
      <c r="I27" s="1">
        <v>1</v>
      </c>
      <c r="J27">
        <v>0</v>
      </c>
      <c r="W27">
        <v>1</v>
      </c>
      <c r="X27">
        <v>0</v>
      </c>
      <c r="Y27">
        <v>0</v>
      </c>
      <c r="Z27">
        <v>0</v>
      </c>
      <c r="AA27">
        <v>0</v>
      </c>
      <c r="AB27">
        <v>0</v>
      </c>
      <c r="AC27">
        <v>6001</v>
      </c>
      <c r="AD27">
        <v>1</v>
      </c>
      <c r="AE27">
        <v>24</v>
      </c>
      <c r="AF27">
        <v>0</v>
      </c>
      <c r="AG27">
        <v>0</v>
      </c>
      <c r="AH27">
        <v>0</v>
      </c>
      <c r="AI27" s="1">
        <v>40008</v>
      </c>
      <c r="AJ27" s="1">
        <v>40161</v>
      </c>
      <c r="AK27" s="1">
        <v>40008</v>
      </c>
      <c r="AL27">
        <v>0</v>
      </c>
      <c r="AM27">
        <v>0</v>
      </c>
      <c r="AN27">
        <v>0</v>
      </c>
      <c r="AR27" s="1">
        <v>40008.605555555558</v>
      </c>
    </row>
    <row r="28" spans="1:44" x14ac:dyDescent="0.4">
      <c r="A28">
        <v>29</v>
      </c>
      <c r="B28">
        <v>0</v>
      </c>
      <c r="C28">
        <v>35</v>
      </c>
      <c r="I28" s="1">
        <v>1</v>
      </c>
      <c r="J28">
        <v>0</v>
      </c>
      <c r="W28">
        <v>1</v>
      </c>
      <c r="X28">
        <v>0</v>
      </c>
      <c r="Y28">
        <v>0</v>
      </c>
      <c r="Z28">
        <v>0</v>
      </c>
      <c r="AA28">
        <v>0</v>
      </c>
      <c r="AB28">
        <v>0</v>
      </c>
      <c r="AC28">
        <v>15917</v>
      </c>
      <c r="AD28">
        <v>2</v>
      </c>
      <c r="AE28">
        <v>62</v>
      </c>
      <c r="AF28">
        <v>9916</v>
      </c>
      <c r="AG28">
        <v>1</v>
      </c>
      <c r="AH28">
        <v>38</v>
      </c>
      <c r="AI28" s="1">
        <v>40008</v>
      </c>
      <c r="AJ28" s="1">
        <v>40161</v>
      </c>
      <c r="AK28" s="1">
        <v>40008</v>
      </c>
      <c r="AL28">
        <v>0</v>
      </c>
      <c r="AM28">
        <v>0</v>
      </c>
      <c r="AN28">
        <v>0</v>
      </c>
      <c r="AR28" s="1">
        <v>40008.605555555558</v>
      </c>
    </row>
    <row r="29" spans="1:44" x14ac:dyDescent="0.4">
      <c r="A29">
        <v>30</v>
      </c>
      <c r="B29">
        <v>0</v>
      </c>
      <c r="C29">
        <v>36</v>
      </c>
      <c r="I29" s="1">
        <v>1</v>
      </c>
      <c r="J29">
        <v>0</v>
      </c>
      <c r="W29">
        <v>1</v>
      </c>
      <c r="X29">
        <v>0</v>
      </c>
      <c r="Y29">
        <v>0</v>
      </c>
      <c r="Z29">
        <v>0</v>
      </c>
      <c r="AA29">
        <v>0</v>
      </c>
      <c r="AB29">
        <v>0</v>
      </c>
      <c r="AC29">
        <v>9916</v>
      </c>
      <c r="AD29">
        <v>1</v>
      </c>
      <c r="AE29">
        <v>38</v>
      </c>
      <c r="AF29">
        <v>0</v>
      </c>
      <c r="AG29">
        <v>0</v>
      </c>
      <c r="AH29">
        <v>0</v>
      </c>
      <c r="AI29" s="1">
        <v>40008</v>
      </c>
      <c r="AJ29" s="1">
        <v>40161</v>
      </c>
      <c r="AK29" s="1">
        <v>40008</v>
      </c>
      <c r="AL29">
        <v>0</v>
      </c>
      <c r="AM29">
        <v>0</v>
      </c>
      <c r="AN29">
        <v>0</v>
      </c>
      <c r="AR29" s="1">
        <v>40008.621527777781</v>
      </c>
    </row>
    <row r="30" spans="1:44" x14ac:dyDescent="0.4">
      <c r="A30">
        <v>31</v>
      </c>
      <c r="B30">
        <v>0</v>
      </c>
      <c r="C30">
        <v>37</v>
      </c>
      <c r="I30" s="1">
        <v>1</v>
      </c>
      <c r="J30">
        <v>0</v>
      </c>
      <c r="W30">
        <v>1</v>
      </c>
      <c r="X30">
        <v>0</v>
      </c>
      <c r="Y30">
        <v>0</v>
      </c>
      <c r="Z30">
        <v>0</v>
      </c>
      <c r="AA30">
        <v>0</v>
      </c>
      <c r="AB30">
        <v>0</v>
      </c>
      <c r="AC30">
        <v>9916</v>
      </c>
      <c r="AD30">
        <v>1</v>
      </c>
      <c r="AE30">
        <v>38</v>
      </c>
      <c r="AF30">
        <v>0</v>
      </c>
      <c r="AG30">
        <v>0</v>
      </c>
      <c r="AH30">
        <v>0</v>
      </c>
      <c r="AI30" s="1">
        <v>40008</v>
      </c>
      <c r="AJ30" s="1">
        <v>40161</v>
      </c>
      <c r="AK30" s="1">
        <v>40008</v>
      </c>
      <c r="AL30">
        <v>0</v>
      </c>
      <c r="AM30">
        <v>0</v>
      </c>
      <c r="AN30">
        <v>0</v>
      </c>
      <c r="AR30" s="1">
        <v>40008.621527777781</v>
      </c>
    </row>
    <row r="31" spans="1:44" x14ac:dyDescent="0.4">
      <c r="A31">
        <v>32</v>
      </c>
      <c r="B31">
        <v>0</v>
      </c>
      <c r="C31">
        <v>64</v>
      </c>
      <c r="I31" s="1">
        <v>1</v>
      </c>
      <c r="J31">
        <v>0</v>
      </c>
      <c r="W31">
        <v>0</v>
      </c>
      <c r="X31">
        <v>0</v>
      </c>
      <c r="Y31">
        <v>0</v>
      </c>
      <c r="Z31">
        <v>0</v>
      </c>
      <c r="AA31">
        <v>0</v>
      </c>
      <c r="AB31">
        <v>0</v>
      </c>
      <c r="AC31">
        <v>550</v>
      </c>
      <c r="AD31">
        <v>1</v>
      </c>
      <c r="AE31">
        <v>2</v>
      </c>
      <c r="AF31">
        <v>0</v>
      </c>
      <c r="AG31">
        <v>0</v>
      </c>
      <c r="AH31">
        <v>0</v>
      </c>
      <c r="AI31" s="1">
        <v>40043</v>
      </c>
      <c r="AJ31" s="1">
        <v>40196</v>
      </c>
      <c r="AK31" s="1">
        <v>40043</v>
      </c>
      <c r="AL31">
        <v>0</v>
      </c>
      <c r="AM31">
        <v>0</v>
      </c>
      <c r="AN31">
        <v>0</v>
      </c>
      <c r="AR31" s="1">
        <v>40043.729861111111</v>
      </c>
    </row>
    <row r="32" spans="1:44" x14ac:dyDescent="0.4">
      <c r="A32">
        <v>33</v>
      </c>
      <c r="B32">
        <v>0</v>
      </c>
      <c r="C32">
        <v>555</v>
      </c>
      <c r="D32" t="s">
        <v>36</v>
      </c>
      <c r="E32" t="s">
        <v>37</v>
      </c>
      <c r="F32" t="s">
        <v>38</v>
      </c>
      <c r="G32" t="s">
        <v>37</v>
      </c>
      <c r="I32" s="1">
        <v>1</v>
      </c>
      <c r="J32">
        <v>0</v>
      </c>
      <c r="W32">
        <v>1</v>
      </c>
      <c r="X32">
        <v>0</v>
      </c>
      <c r="Y32">
        <v>0</v>
      </c>
      <c r="Z32">
        <v>0</v>
      </c>
      <c r="AA32">
        <v>0</v>
      </c>
      <c r="AB32">
        <v>0</v>
      </c>
      <c r="AC32">
        <v>2900</v>
      </c>
      <c r="AD32">
        <v>2</v>
      </c>
      <c r="AE32">
        <v>10</v>
      </c>
      <c r="AF32">
        <v>550</v>
      </c>
      <c r="AG32">
        <v>1</v>
      </c>
      <c r="AH32">
        <v>2</v>
      </c>
      <c r="AI32" s="1">
        <v>40044</v>
      </c>
      <c r="AJ32" s="1">
        <v>40197</v>
      </c>
      <c r="AK32" s="1">
        <v>40044</v>
      </c>
      <c r="AL32">
        <v>0</v>
      </c>
      <c r="AM32">
        <v>0</v>
      </c>
      <c r="AN32">
        <v>0</v>
      </c>
      <c r="AR32" s="1">
        <v>40044.686805555553</v>
      </c>
    </row>
    <row r="33" spans="1:44" x14ac:dyDescent="0.4">
      <c r="A33">
        <v>34</v>
      </c>
      <c r="B33">
        <v>0</v>
      </c>
      <c r="C33">
        <v>500</v>
      </c>
      <c r="I33" s="1">
        <v>1</v>
      </c>
      <c r="J33">
        <v>0</v>
      </c>
      <c r="W33">
        <v>1</v>
      </c>
      <c r="X33">
        <v>0</v>
      </c>
      <c r="Y33">
        <v>0</v>
      </c>
      <c r="Z33">
        <v>0</v>
      </c>
      <c r="AA33">
        <v>0</v>
      </c>
      <c r="AB33">
        <v>0</v>
      </c>
      <c r="AC33">
        <v>2700</v>
      </c>
      <c r="AD33">
        <v>1</v>
      </c>
      <c r="AE33">
        <v>10</v>
      </c>
      <c r="AF33">
        <v>0</v>
      </c>
      <c r="AG33">
        <v>0</v>
      </c>
      <c r="AH33">
        <v>0</v>
      </c>
      <c r="AI33" s="1">
        <v>40097</v>
      </c>
      <c r="AJ33" s="1">
        <v>40248</v>
      </c>
      <c r="AK33" s="1">
        <v>40097</v>
      </c>
      <c r="AL33">
        <v>0</v>
      </c>
      <c r="AM33">
        <v>0</v>
      </c>
      <c r="AN33">
        <v>0</v>
      </c>
      <c r="AR33" s="1">
        <v>40097.833333333336</v>
      </c>
    </row>
    <row r="34" spans="1:44" x14ac:dyDescent="0.4">
      <c r="A34">
        <v>35</v>
      </c>
      <c r="B34">
        <v>0</v>
      </c>
      <c r="C34">
        <v>55</v>
      </c>
      <c r="D34" t="s">
        <v>39</v>
      </c>
      <c r="E34" t="s">
        <v>40</v>
      </c>
      <c r="F34" t="s">
        <v>41</v>
      </c>
      <c r="G34" t="s">
        <v>42</v>
      </c>
      <c r="I34" s="1">
        <v>26301</v>
      </c>
      <c r="J34">
        <v>0</v>
      </c>
      <c r="K34">
        <v>1070062</v>
      </c>
      <c r="L34" t="s">
        <v>4</v>
      </c>
      <c r="M34" t="s">
        <v>43</v>
      </c>
      <c r="N34" s="2" t="s">
        <v>44</v>
      </c>
      <c r="W34">
        <v>1</v>
      </c>
      <c r="X34">
        <v>0</v>
      </c>
      <c r="Y34">
        <v>0</v>
      </c>
      <c r="Z34">
        <v>0</v>
      </c>
      <c r="AA34">
        <v>0</v>
      </c>
      <c r="AB34">
        <v>0</v>
      </c>
      <c r="AC34">
        <v>0</v>
      </c>
      <c r="AD34">
        <v>0</v>
      </c>
      <c r="AE34">
        <v>0</v>
      </c>
      <c r="AF34">
        <v>0</v>
      </c>
      <c r="AG34">
        <v>0</v>
      </c>
      <c r="AH34">
        <v>0</v>
      </c>
      <c r="AI34" s="1">
        <v>40087</v>
      </c>
      <c r="AJ34" s="1">
        <v>40238</v>
      </c>
      <c r="AK34" s="1">
        <v>40087</v>
      </c>
      <c r="AL34">
        <v>0</v>
      </c>
      <c r="AM34">
        <v>0</v>
      </c>
      <c r="AN34">
        <v>0</v>
      </c>
      <c r="AR34" s="1">
        <v>40087.652083333334</v>
      </c>
    </row>
    <row r="35" spans="1:44" x14ac:dyDescent="0.4">
      <c r="A35">
        <v>36</v>
      </c>
      <c r="B35">
        <v>0</v>
      </c>
      <c r="C35">
        <v>2222</v>
      </c>
      <c r="I35" s="1">
        <v>1</v>
      </c>
      <c r="J35">
        <v>0</v>
      </c>
      <c r="W35">
        <v>1</v>
      </c>
      <c r="X35">
        <v>0</v>
      </c>
      <c r="Y35">
        <v>0</v>
      </c>
      <c r="Z35">
        <v>0</v>
      </c>
      <c r="AA35">
        <v>0</v>
      </c>
      <c r="AB35">
        <v>0</v>
      </c>
      <c r="AC35">
        <v>600</v>
      </c>
      <c r="AD35">
        <v>1</v>
      </c>
      <c r="AE35">
        <v>0</v>
      </c>
      <c r="AF35">
        <v>0</v>
      </c>
      <c r="AG35">
        <v>0</v>
      </c>
      <c r="AH35">
        <v>0</v>
      </c>
      <c r="AI35" s="1">
        <v>40095</v>
      </c>
      <c r="AJ35" s="1">
        <v>40246</v>
      </c>
      <c r="AK35" s="1">
        <v>40095</v>
      </c>
      <c r="AL35">
        <v>0</v>
      </c>
      <c r="AM35">
        <v>0</v>
      </c>
      <c r="AN35">
        <v>0</v>
      </c>
      <c r="AR35" s="1">
        <v>40095.65625</v>
      </c>
    </row>
    <row r="36" spans="1:44" x14ac:dyDescent="0.4">
      <c r="A36">
        <v>37</v>
      </c>
      <c r="B36">
        <v>0</v>
      </c>
      <c r="C36">
        <v>22222</v>
      </c>
      <c r="I36" s="1">
        <v>1</v>
      </c>
      <c r="J36">
        <v>0</v>
      </c>
      <c r="W36">
        <v>9</v>
      </c>
      <c r="X36">
        <v>0</v>
      </c>
      <c r="Y36">
        <v>0</v>
      </c>
      <c r="Z36">
        <v>0</v>
      </c>
      <c r="AA36">
        <v>0</v>
      </c>
      <c r="AB36">
        <v>0</v>
      </c>
      <c r="AC36">
        <v>300</v>
      </c>
      <c r="AD36">
        <v>1</v>
      </c>
      <c r="AE36">
        <v>0</v>
      </c>
      <c r="AF36">
        <v>0</v>
      </c>
      <c r="AG36">
        <v>0</v>
      </c>
      <c r="AH36">
        <v>0</v>
      </c>
      <c r="AI36" s="1">
        <v>40095</v>
      </c>
      <c r="AJ36" s="1">
        <v>40246</v>
      </c>
      <c r="AK36" s="1">
        <v>40095</v>
      </c>
      <c r="AL36">
        <v>0</v>
      </c>
      <c r="AM36">
        <v>0</v>
      </c>
      <c r="AN36">
        <v>0</v>
      </c>
      <c r="AR36" s="1">
        <v>40095.711805555555</v>
      </c>
    </row>
    <row r="37" spans="1:44" x14ac:dyDescent="0.4">
      <c r="A37">
        <v>38</v>
      </c>
      <c r="B37">
        <v>0</v>
      </c>
      <c r="C37">
        <v>222222</v>
      </c>
      <c r="I37" s="1">
        <v>1</v>
      </c>
      <c r="J37">
        <v>0</v>
      </c>
      <c r="W37">
        <v>4</v>
      </c>
      <c r="X37">
        <v>0</v>
      </c>
      <c r="Y37">
        <v>0</v>
      </c>
      <c r="Z37">
        <v>0</v>
      </c>
      <c r="AA37">
        <v>0</v>
      </c>
      <c r="AB37">
        <v>0</v>
      </c>
      <c r="AC37">
        <v>300</v>
      </c>
      <c r="AD37">
        <v>1</v>
      </c>
      <c r="AE37">
        <v>0</v>
      </c>
      <c r="AF37">
        <v>0</v>
      </c>
      <c r="AG37">
        <v>0</v>
      </c>
      <c r="AH37">
        <v>0</v>
      </c>
      <c r="AI37" s="1">
        <v>40095</v>
      </c>
      <c r="AJ37" s="1">
        <v>40246</v>
      </c>
      <c r="AK37" s="1">
        <v>40095</v>
      </c>
      <c r="AL37">
        <v>0</v>
      </c>
      <c r="AM37">
        <v>0</v>
      </c>
      <c r="AN37">
        <v>0</v>
      </c>
      <c r="AR37" s="1">
        <v>40095.713888888888</v>
      </c>
    </row>
    <row r="38" spans="1:44" x14ac:dyDescent="0.4">
      <c r="A38">
        <v>39</v>
      </c>
      <c r="B38">
        <v>0</v>
      </c>
      <c r="C38">
        <v>123</v>
      </c>
      <c r="I38" s="1">
        <v>1</v>
      </c>
      <c r="J38">
        <v>0</v>
      </c>
      <c r="W38">
        <v>10</v>
      </c>
      <c r="X38">
        <v>0</v>
      </c>
      <c r="Y38">
        <v>0</v>
      </c>
      <c r="Z38">
        <v>0</v>
      </c>
      <c r="AA38">
        <v>0</v>
      </c>
      <c r="AB38">
        <v>0</v>
      </c>
      <c r="AC38">
        <v>1960</v>
      </c>
      <c r="AD38">
        <v>1</v>
      </c>
      <c r="AE38">
        <v>3</v>
      </c>
      <c r="AF38">
        <v>0</v>
      </c>
      <c r="AG38">
        <v>0</v>
      </c>
      <c r="AH38">
        <v>0</v>
      </c>
      <c r="AI38" s="1">
        <v>40172</v>
      </c>
      <c r="AJ38" s="1">
        <v>40323</v>
      </c>
      <c r="AK38" s="1">
        <v>40172</v>
      </c>
      <c r="AL38">
        <v>0</v>
      </c>
      <c r="AM38">
        <v>0</v>
      </c>
      <c r="AN38">
        <v>0</v>
      </c>
      <c r="AR38" s="1">
        <v>40172.706944444442</v>
      </c>
    </row>
    <row r="39" spans="1:44" x14ac:dyDescent="0.4">
      <c r="A39">
        <v>40</v>
      </c>
      <c r="B39">
        <v>0</v>
      </c>
      <c r="C39">
        <v>132</v>
      </c>
      <c r="I39" s="1">
        <v>1</v>
      </c>
      <c r="J39">
        <v>0</v>
      </c>
      <c r="W39">
        <v>10</v>
      </c>
      <c r="X39">
        <v>0</v>
      </c>
      <c r="Y39">
        <v>0</v>
      </c>
      <c r="Z39">
        <v>0</v>
      </c>
      <c r="AA39">
        <v>0</v>
      </c>
      <c r="AB39">
        <v>0</v>
      </c>
      <c r="AC39">
        <v>1860</v>
      </c>
      <c r="AD39">
        <v>1</v>
      </c>
      <c r="AE39">
        <v>3</v>
      </c>
      <c r="AF39">
        <v>0</v>
      </c>
      <c r="AG39">
        <v>0</v>
      </c>
      <c r="AH39">
        <v>0</v>
      </c>
      <c r="AI39" s="1">
        <v>40172</v>
      </c>
      <c r="AJ39" s="1">
        <v>40323</v>
      </c>
      <c r="AK39" s="1">
        <v>40172</v>
      </c>
      <c r="AL39">
        <v>0</v>
      </c>
      <c r="AM39">
        <v>0</v>
      </c>
      <c r="AN39">
        <v>0</v>
      </c>
      <c r="AR39" s="1">
        <v>40172.707638888889</v>
      </c>
    </row>
    <row r="40" spans="1:44" x14ac:dyDescent="0.4">
      <c r="A40">
        <v>41</v>
      </c>
      <c r="B40">
        <v>0</v>
      </c>
      <c r="C40">
        <v>133</v>
      </c>
      <c r="I40" s="1">
        <v>1</v>
      </c>
      <c r="J40">
        <v>0</v>
      </c>
      <c r="W40">
        <v>9</v>
      </c>
      <c r="X40">
        <v>0</v>
      </c>
      <c r="Y40">
        <v>0</v>
      </c>
      <c r="Z40">
        <v>0</v>
      </c>
      <c r="AA40">
        <v>0</v>
      </c>
      <c r="AB40">
        <v>0</v>
      </c>
      <c r="AC40">
        <v>2170</v>
      </c>
      <c r="AD40">
        <v>1</v>
      </c>
      <c r="AE40">
        <v>6</v>
      </c>
      <c r="AF40">
        <v>0</v>
      </c>
      <c r="AG40">
        <v>0</v>
      </c>
      <c r="AH40">
        <v>0</v>
      </c>
      <c r="AI40" s="1">
        <v>40172</v>
      </c>
      <c r="AJ40" s="1">
        <v>40323</v>
      </c>
      <c r="AK40" s="1">
        <v>40172</v>
      </c>
      <c r="AL40">
        <v>0</v>
      </c>
      <c r="AM40">
        <v>0</v>
      </c>
      <c r="AN40">
        <v>0</v>
      </c>
      <c r="AR40" s="1">
        <v>40172.729861111111</v>
      </c>
    </row>
    <row r="41" spans="1:44" x14ac:dyDescent="0.4">
      <c r="A41">
        <v>42</v>
      </c>
      <c r="B41">
        <v>0</v>
      </c>
      <c r="C41">
        <v>5555</v>
      </c>
      <c r="I41" s="1">
        <v>1</v>
      </c>
      <c r="J41">
        <v>0</v>
      </c>
      <c r="W41">
        <v>9</v>
      </c>
      <c r="X41">
        <v>0</v>
      </c>
      <c r="Y41">
        <v>0</v>
      </c>
      <c r="Z41">
        <v>0</v>
      </c>
      <c r="AA41">
        <v>0</v>
      </c>
      <c r="AB41">
        <v>0</v>
      </c>
      <c r="AC41">
        <v>1200</v>
      </c>
      <c r="AD41">
        <v>1</v>
      </c>
      <c r="AE41">
        <v>1</v>
      </c>
      <c r="AF41">
        <v>0</v>
      </c>
      <c r="AG41">
        <v>0</v>
      </c>
      <c r="AH41">
        <v>0</v>
      </c>
      <c r="AI41" s="1">
        <v>40207</v>
      </c>
      <c r="AJ41" s="1">
        <v>40358</v>
      </c>
      <c r="AK41" s="1">
        <v>40207</v>
      </c>
      <c r="AL41">
        <v>0</v>
      </c>
      <c r="AM41">
        <v>0</v>
      </c>
      <c r="AN41">
        <v>0</v>
      </c>
      <c r="AR41" s="1">
        <v>40207.758333333331</v>
      </c>
    </row>
    <row r="42" spans="1:44" x14ac:dyDescent="0.4">
      <c r="A42">
        <v>44</v>
      </c>
      <c r="B42">
        <v>0</v>
      </c>
      <c r="C42">
        <v>66</v>
      </c>
      <c r="D42" t="s">
        <v>45</v>
      </c>
      <c r="E42" t="s">
        <v>46</v>
      </c>
      <c r="F42" t="s">
        <v>47</v>
      </c>
      <c r="G42" t="s">
        <v>48</v>
      </c>
      <c r="I42" s="1">
        <v>29313</v>
      </c>
      <c r="J42">
        <v>0</v>
      </c>
      <c r="W42">
        <v>5</v>
      </c>
      <c r="X42">
        <v>0</v>
      </c>
      <c r="Y42">
        <v>0</v>
      </c>
      <c r="Z42">
        <v>0</v>
      </c>
      <c r="AA42">
        <v>0</v>
      </c>
      <c r="AB42">
        <v>0</v>
      </c>
      <c r="AC42">
        <v>900</v>
      </c>
      <c r="AD42">
        <v>2</v>
      </c>
      <c r="AE42">
        <v>3</v>
      </c>
      <c r="AF42">
        <v>0</v>
      </c>
      <c r="AG42">
        <v>1</v>
      </c>
      <c r="AH42">
        <v>0</v>
      </c>
      <c r="AI42" s="1">
        <v>40274</v>
      </c>
      <c r="AJ42" s="1">
        <v>42087</v>
      </c>
      <c r="AK42" s="1">
        <v>40261</v>
      </c>
      <c r="AL42">
        <v>0</v>
      </c>
      <c r="AM42">
        <v>0</v>
      </c>
      <c r="AN42">
        <v>0</v>
      </c>
      <c r="AR42" s="1">
        <v>40274.533333333333</v>
      </c>
    </row>
    <row r="43" spans="1:44" x14ac:dyDescent="0.4">
      <c r="A43">
        <v>45</v>
      </c>
      <c r="B43">
        <v>0</v>
      </c>
      <c r="C43">
        <v>67</v>
      </c>
      <c r="D43" t="s">
        <v>49</v>
      </c>
      <c r="E43" t="s">
        <v>33</v>
      </c>
      <c r="F43" t="s">
        <v>50</v>
      </c>
      <c r="G43" t="s">
        <v>35</v>
      </c>
      <c r="I43" s="1">
        <v>31170</v>
      </c>
      <c r="J43">
        <v>0</v>
      </c>
      <c r="W43">
        <v>1</v>
      </c>
      <c r="X43">
        <v>0</v>
      </c>
      <c r="Y43">
        <v>0</v>
      </c>
      <c r="Z43">
        <v>0</v>
      </c>
      <c r="AA43">
        <v>0</v>
      </c>
      <c r="AB43">
        <v>0</v>
      </c>
      <c r="AC43">
        <v>2835</v>
      </c>
      <c r="AD43">
        <v>1</v>
      </c>
      <c r="AE43">
        <v>9</v>
      </c>
      <c r="AF43">
        <v>0</v>
      </c>
      <c r="AG43">
        <v>0</v>
      </c>
      <c r="AH43">
        <v>0</v>
      </c>
      <c r="AI43" s="1">
        <v>40261</v>
      </c>
      <c r="AJ43" s="1">
        <v>42087</v>
      </c>
      <c r="AK43" s="1">
        <v>40261</v>
      </c>
      <c r="AL43">
        <v>0</v>
      </c>
      <c r="AM43">
        <v>0</v>
      </c>
      <c r="AN43">
        <v>0</v>
      </c>
      <c r="AR43" s="1">
        <v>40261.786111111112</v>
      </c>
    </row>
    <row r="44" spans="1:44" x14ac:dyDescent="0.4">
      <c r="A44">
        <v>46</v>
      </c>
      <c r="B44">
        <v>0</v>
      </c>
      <c r="C44">
        <v>68</v>
      </c>
      <c r="I44" s="1">
        <v>1</v>
      </c>
      <c r="J44">
        <v>0</v>
      </c>
      <c r="W44">
        <v>9</v>
      </c>
      <c r="X44">
        <v>0</v>
      </c>
      <c r="Y44">
        <v>0</v>
      </c>
      <c r="Z44">
        <v>0</v>
      </c>
      <c r="AA44">
        <v>0</v>
      </c>
      <c r="AB44">
        <v>0</v>
      </c>
      <c r="AC44">
        <v>1200</v>
      </c>
      <c r="AD44">
        <v>1</v>
      </c>
      <c r="AE44">
        <v>1</v>
      </c>
      <c r="AF44">
        <v>0</v>
      </c>
      <c r="AG44">
        <v>0</v>
      </c>
      <c r="AH44">
        <v>0</v>
      </c>
      <c r="AI44" s="1">
        <v>40261</v>
      </c>
      <c r="AJ44" s="1">
        <v>42087</v>
      </c>
      <c r="AK44" s="1">
        <v>40261</v>
      </c>
      <c r="AL44">
        <v>0</v>
      </c>
      <c r="AM44">
        <v>0</v>
      </c>
      <c r="AN44">
        <v>0</v>
      </c>
      <c r="AR44" s="1">
        <v>40261.560416666667</v>
      </c>
    </row>
    <row r="45" spans="1:44" x14ac:dyDescent="0.4">
      <c r="A45">
        <v>47</v>
      </c>
      <c r="B45">
        <v>0</v>
      </c>
      <c r="C45">
        <v>69</v>
      </c>
      <c r="I45" s="1">
        <v>1</v>
      </c>
      <c r="J45">
        <v>0</v>
      </c>
      <c r="W45">
        <v>9</v>
      </c>
      <c r="X45">
        <v>0</v>
      </c>
      <c r="Y45">
        <v>0</v>
      </c>
      <c r="Z45">
        <v>0</v>
      </c>
      <c r="AA45">
        <v>0</v>
      </c>
      <c r="AB45">
        <v>0</v>
      </c>
      <c r="AC45">
        <v>600</v>
      </c>
      <c r="AD45">
        <v>2</v>
      </c>
      <c r="AE45">
        <v>1</v>
      </c>
      <c r="AF45">
        <v>300</v>
      </c>
      <c r="AG45">
        <v>1</v>
      </c>
      <c r="AH45">
        <v>0</v>
      </c>
      <c r="AI45" s="1">
        <v>40261</v>
      </c>
      <c r="AJ45" s="1">
        <v>42087</v>
      </c>
      <c r="AK45" s="1">
        <v>40261</v>
      </c>
      <c r="AL45">
        <v>0</v>
      </c>
      <c r="AM45">
        <v>0</v>
      </c>
      <c r="AN45">
        <v>0</v>
      </c>
      <c r="AR45" s="1">
        <v>40261.563194444447</v>
      </c>
    </row>
    <row r="46" spans="1:44" x14ac:dyDescent="0.4">
      <c r="A46">
        <v>48</v>
      </c>
      <c r="B46">
        <v>0</v>
      </c>
      <c r="C46">
        <v>70</v>
      </c>
      <c r="I46" s="1">
        <v>1</v>
      </c>
      <c r="J46">
        <v>0</v>
      </c>
      <c r="W46">
        <v>9</v>
      </c>
      <c r="X46">
        <v>0</v>
      </c>
      <c r="Y46">
        <v>0</v>
      </c>
      <c r="Z46">
        <v>0</v>
      </c>
      <c r="AA46">
        <v>0</v>
      </c>
      <c r="AB46">
        <v>0</v>
      </c>
      <c r="AC46">
        <v>300</v>
      </c>
      <c r="AD46">
        <v>1</v>
      </c>
      <c r="AE46">
        <v>0</v>
      </c>
      <c r="AF46">
        <v>0</v>
      </c>
      <c r="AG46">
        <v>0</v>
      </c>
      <c r="AH46">
        <v>0</v>
      </c>
      <c r="AI46" s="1">
        <v>40261</v>
      </c>
      <c r="AJ46" s="1">
        <v>42087</v>
      </c>
      <c r="AK46" s="1">
        <v>40261</v>
      </c>
      <c r="AL46">
        <v>0</v>
      </c>
      <c r="AM46">
        <v>0</v>
      </c>
      <c r="AN46">
        <v>0</v>
      </c>
      <c r="AR46" s="1">
        <v>40261.563888888886</v>
      </c>
    </row>
    <row r="47" spans="1:44" x14ac:dyDescent="0.4">
      <c r="A47">
        <v>49</v>
      </c>
      <c r="B47">
        <v>0</v>
      </c>
      <c r="C47">
        <v>99</v>
      </c>
      <c r="I47" s="1">
        <v>1</v>
      </c>
      <c r="J47">
        <v>0</v>
      </c>
      <c r="W47">
        <v>1</v>
      </c>
      <c r="X47">
        <v>0</v>
      </c>
      <c r="Y47">
        <v>0</v>
      </c>
      <c r="Z47">
        <v>0</v>
      </c>
      <c r="AA47">
        <v>0</v>
      </c>
      <c r="AB47">
        <v>0</v>
      </c>
      <c r="AC47">
        <v>300</v>
      </c>
      <c r="AD47">
        <v>2</v>
      </c>
      <c r="AE47">
        <v>1</v>
      </c>
      <c r="AF47">
        <v>300</v>
      </c>
      <c r="AG47">
        <v>1</v>
      </c>
      <c r="AH47">
        <v>1</v>
      </c>
      <c r="AI47" s="1">
        <v>40262</v>
      </c>
      <c r="AJ47" s="1">
        <v>42088</v>
      </c>
      <c r="AK47" s="1">
        <v>40262</v>
      </c>
      <c r="AL47">
        <v>0</v>
      </c>
      <c r="AM47">
        <v>0</v>
      </c>
      <c r="AN47">
        <v>0</v>
      </c>
      <c r="AR47" s="1">
        <v>40262.50277777778</v>
      </c>
    </row>
    <row r="48" spans="1:44" x14ac:dyDescent="0.4">
      <c r="A48">
        <v>50</v>
      </c>
      <c r="B48">
        <v>0</v>
      </c>
      <c r="C48">
        <v>1234</v>
      </c>
      <c r="I48" s="1">
        <v>1</v>
      </c>
      <c r="J48">
        <v>0</v>
      </c>
      <c r="W48">
        <v>1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  <c r="AF48">
        <v>0</v>
      </c>
      <c r="AG48">
        <v>0</v>
      </c>
      <c r="AH48">
        <v>0</v>
      </c>
      <c r="AI48" s="1">
        <v>40274</v>
      </c>
      <c r="AJ48" s="1">
        <v>42100</v>
      </c>
      <c r="AK48" s="1">
        <v>40274</v>
      </c>
      <c r="AL48">
        <v>0</v>
      </c>
      <c r="AM48">
        <v>0</v>
      </c>
      <c r="AN48">
        <v>0</v>
      </c>
      <c r="AR48" s="1">
        <v>40274.509027777778</v>
      </c>
    </row>
    <row r="49" spans="1:44" x14ac:dyDescent="0.4">
      <c r="A49">
        <v>20</v>
      </c>
      <c r="B49">
        <v>0</v>
      </c>
      <c r="C49">
        <v>60</v>
      </c>
      <c r="I49" s="1">
        <v>1</v>
      </c>
      <c r="J49">
        <v>0</v>
      </c>
      <c r="W49">
        <v>1</v>
      </c>
      <c r="X49">
        <v>0</v>
      </c>
      <c r="Y49">
        <v>0</v>
      </c>
      <c r="Z49">
        <v>0</v>
      </c>
      <c r="AA49">
        <v>0</v>
      </c>
      <c r="AB49">
        <v>0</v>
      </c>
      <c r="AC49">
        <v>685</v>
      </c>
      <c r="AD49">
        <v>1</v>
      </c>
      <c r="AE49">
        <v>2</v>
      </c>
      <c r="AF49">
        <v>0</v>
      </c>
      <c r="AG49">
        <v>0</v>
      </c>
      <c r="AH49">
        <v>0</v>
      </c>
      <c r="AI49" s="1">
        <v>40002</v>
      </c>
      <c r="AJ49" s="1">
        <v>40155</v>
      </c>
      <c r="AK49" s="1">
        <v>40002</v>
      </c>
      <c r="AL49">
        <v>0</v>
      </c>
      <c r="AM49">
        <v>0</v>
      </c>
      <c r="AN49">
        <v>0</v>
      </c>
      <c r="AR49" s="1">
        <v>40002.732638888891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89"/>
  <sheetViews>
    <sheetView tabSelected="1" workbookViewId="0">
      <selection sqref="A1:H166"/>
    </sheetView>
  </sheetViews>
  <sheetFormatPr defaultRowHeight="18.75" x14ac:dyDescent="0.4"/>
  <sheetData>
    <row r="1" spans="1:6" x14ac:dyDescent="0.4">
      <c r="A1" t="s">
        <v>95</v>
      </c>
      <c r="B1" t="s">
        <v>96</v>
      </c>
      <c r="C1" t="s">
        <v>97</v>
      </c>
      <c r="D1" t="s">
        <v>98</v>
      </c>
      <c r="E1" t="s">
        <v>99</v>
      </c>
      <c r="F1" t="s">
        <v>100</v>
      </c>
    </row>
    <row r="2" spans="1:6" x14ac:dyDescent="0.4">
      <c r="A2">
        <v>1</v>
      </c>
      <c r="B2" s="5" t="s">
        <v>101</v>
      </c>
      <c r="C2">
        <v>12</v>
      </c>
      <c r="D2" s="5"/>
      <c r="F2" s="5"/>
    </row>
    <row r="3" spans="1:6" x14ac:dyDescent="0.4">
      <c r="A3">
        <v>2</v>
      </c>
      <c r="B3" s="5" t="s">
        <v>101</v>
      </c>
      <c r="C3">
        <v>12</v>
      </c>
      <c r="D3" s="5"/>
      <c r="F3" s="5"/>
    </row>
    <row r="4" spans="1:6" x14ac:dyDescent="0.4">
      <c r="A4">
        <v>3</v>
      </c>
      <c r="B4" s="5" t="s">
        <v>101</v>
      </c>
      <c r="C4">
        <v>15</v>
      </c>
      <c r="D4" s="5" t="s">
        <v>102</v>
      </c>
      <c r="F4" s="5"/>
    </row>
    <row r="5" spans="1:6" x14ac:dyDescent="0.4">
      <c r="A5">
        <v>4</v>
      </c>
      <c r="B5" s="5" t="s">
        <v>101</v>
      </c>
      <c r="C5">
        <v>15</v>
      </c>
      <c r="D5" s="5" t="s">
        <v>102</v>
      </c>
      <c r="F5" s="5"/>
    </row>
    <row r="6" spans="1:6" x14ac:dyDescent="0.4">
      <c r="A6">
        <v>5</v>
      </c>
      <c r="B6" s="5" t="s">
        <v>101</v>
      </c>
      <c r="C6">
        <v>15</v>
      </c>
      <c r="D6" s="5" t="s">
        <v>102</v>
      </c>
      <c r="F6" s="5"/>
    </row>
    <row r="7" spans="1:6" x14ac:dyDescent="0.4">
      <c r="A7">
        <v>6</v>
      </c>
      <c r="B7" s="5" t="s">
        <v>101</v>
      </c>
      <c r="C7">
        <v>15</v>
      </c>
      <c r="D7" s="5" t="s">
        <v>102</v>
      </c>
      <c r="F7" s="5"/>
    </row>
    <row r="8" spans="1:6" x14ac:dyDescent="0.4">
      <c r="A8">
        <v>7</v>
      </c>
      <c r="B8" s="5" t="s">
        <v>101</v>
      </c>
      <c r="C8">
        <v>15</v>
      </c>
      <c r="D8" s="5" t="s">
        <v>102</v>
      </c>
      <c r="F8" s="5"/>
    </row>
    <row r="9" spans="1:6" x14ac:dyDescent="0.4">
      <c r="A9">
        <v>8</v>
      </c>
      <c r="B9" s="5" t="s">
        <v>101</v>
      </c>
      <c r="C9">
        <v>20</v>
      </c>
      <c r="D9" s="5" t="s">
        <v>102</v>
      </c>
      <c r="F9" s="5"/>
    </row>
    <row r="10" spans="1:6" x14ac:dyDescent="0.4">
      <c r="A10">
        <v>9</v>
      </c>
      <c r="B10" s="5" t="s">
        <v>101</v>
      </c>
      <c r="C10">
        <v>24</v>
      </c>
      <c r="D10" s="5"/>
      <c r="F10" s="5"/>
    </row>
    <row r="11" spans="1:6" x14ac:dyDescent="0.4">
      <c r="A11">
        <v>10</v>
      </c>
      <c r="B11" s="5" t="s">
        <v>101</v>
      </c>
      <c r="C11">
        <v>12</v>
      </c>
      <c r="D11" s="5"/>
      <c r="F11" s="5"/>
    </row>
    <row r="12" spans="1:6" x14ac:dyDescent="0.4">
      <c r="A12">
        <v>11</v>
      </c>
      <c r="B12" s="5" t="s">
        <v>101</v>
      </c>
      <c r="C12">
        <v>10</v>
      </c>
      <c r="D12" s="5" t="s">
        <v>102</v>
      </c>
      <c r="F12" s="5"/>
    </row>
    <row r="13" spans="1:6" x14ac:dyDescent="0.4">
      <c r="A13">
        <v>12</v>
      </c>
      <c r="B13" s="5" t="s">
        <v>101</v>
      </c>
      <c r="C13">
        <v>8</v>
      </c>
      <c r="D13" s="5" t="s">
        <v>102</v>
      </c>
      <c r="F13" s="5"/>
    </row>
    <row r="14" spans="1:6" x14ac:dyDescent="0.4">
      <c r="A14">
        <v>13</v>
      </c>
      <c r="B14" s="5" t="s">
        <v>101</v>
      </c>
      <c r="C14">
        <v>50</v>
      </c>
      <c r="D14" s="5" t="s">
        <v>102</v>
      </c>
      <c r="F14" s="5"/>
    </row>
    <row r="15" spans="1:6" x14ac:dyDescent="0.4">
      <c r="A15">
        <v>14</v>
      </c>
      <c r="B15" s="5" t="s">
        <v>101</v>
      </c>
      <c r="C15">
        <v>50</v>
      </c>
      <c r="D15" s="5" t="s">
        <v>102</v>
      </c>
      <c r="F15" s="5"/>
    </row>
    <row r="16" spans="1:6" x14ac:dyDescent="0.4">
      <c r="A16">
        <v>15</v>
      </c>
      <c r="B16" s="5" t="s">
        <v>101</v>
      </c>
      <c r="C16">
        <v>20</v>
      </c>
      <c r="D16" s="5" t="s">
        <v>102</v>
      </c>
      <c r="F16" s="5"/>
    </row>
    <row r="17" spans="1:6" x14ac:dyDescent="0.4">
      <c r="A17">
        <v>16</v>
      </c>
      <c r="B17" s="5" t="s">
        <v>101</v>
      </c>
      <c r="C17">
        <v>20</v>
      </c>
      <c r="D17" s="5" t="s">
        <v>102</v>
      </c>
      <c r="F17" s="5"/>
    </row>
    <row r="18" spans="1:6" x14ac:dyDescent="0.4">
      <c r="A18">
        <v>17</v>
      </c>
      <c r="B18" s="5" t="s">
        <v>101</v>
      </c>
      <c r="C18">
        <v>50</v>
      </c>
      <c r="D18" s="5" t="s">
        <v>102</v>
      </c>
      <c r="F18" s="5"/>
    </row>
    <row r="19" spans="1:6" x14ac:dyDescent="0.4">
      <c r="A19">
        <v>18</v>
      </c>
      <c r="B19" s="5" t="s">
        <v>101</v>
      </c>
      <c r="C19">
        <v>50</v>
      </c>
      <c r="D19" s="5" t="s">
        <v>102</v>
      </c>
      <c r="F19" s="5"/>
    </row>
    <row r="20" spans="1:6" x14ac:dyDescent="0.4">
      <c r="A20">
        <v>19</v>
      </c>
      <c r="B20" s="5" t="s">
        <v>101</v>
      </c>
      <c r="C20">
        <v>50</v>
      </c>
      <c r="D20" s="5" t="s">
        <v>102</v>
      </c>
      <c r="F20" s="5"/>
    </row>
    <row r="21" spans="1:6" x14ac:dyDescent="0.4">
      <c r="A21">
        <v>20</v>
      </c>
      <c r="B21" s="5" t="s">
        <v>101</v>
      </c>
      <c r="C21">
        <v>30</v>
      </c>
      <c r="D21" s="5" t="s">
        <v>102</v>
      </c>
      <c r="F21" s="5"/>
    </row>
    <row r="22" spans="1:6" x14ac:dyDescent="0.4">
      <c r="A22">
        <v>21</v>
      </c>
      <c r="B22" s="5" t="s">
        <v>101</v>
      </c>
      <c r="C22">
        <v>30</v>
      </c>
      <c r="D22" s="5" t="s">
        <v>102</v>
      </c>
      <c r="F22" s="5"/>
    </row>
    <row r="23" spans="1:6" x14ac:dyDescent="0.4">
      <c r="A23">
        <v>22</v>
      </c>
      <c r="B23" s="5" t="s">
        <v>101</v>
      </c>
      <c r="C23">
        <v>20</v>
      </c>
      <c r="D23" s="5" t="s">
        <v>102</v>
      </c>
      <c r="F23" s="5"/>
    </row>
    <row r="24" spans="1:6" x14ac:dyDescent="0.4">
      <c r="A24">
        <v>23</v>
      </c>
      <c r="B24" s="5" t="s">
        <v>101</v>
      </c>
      <c r="C24">
        <v>12</v>
      </c>
      <c r="D24" s="5"/>
      <c r="F24" s="5"/>
    </row>
    <row r="25" spans="1:6" x14ac:dyDescent="0.4">
      <c r="A25">
        <v>24</v>
      </c>
      <c r="B25" s="5" t="s">
        <v>101</v>
      </c>
      <c r="C25">
        <v>12</v>
      </c>
      <c r="D25" s="5"/>
      <c r="F25" s="5"/>
    </row>
    <row r="26" spans="1:6" x14ac:dyDescent="0.4">
      <c r="A26">
        <v>25</v>
      </c>
      <c r="B26" s="5" t="s">
        <v>101</v>
      </c>
      <c r="C26">
        <v>12</v>
      </c>
      <c r="D26" s="5"/>
      <c r="F26" s="5"/>
    </row>
    <row r="27" spans="1:6" x14ac:dyDescent="0.4">
      <c r="A27">
        <v>26</v>
      </c>
      <c r="B27" s="5" t="s">
        <v>101</v>
      </c>
      <c r="C27">
        <v>12</v>
      </c>
      <c r="D27" s="5"/>
      <c r="F27" s="5"/>
    </row>
    <row r="28" spans="1:6" x14ac:dyDescent="0.4">
      <c r="A28">
        <v>27</v>
      </c>
      <c r="B28" s="5" t="s">
        <v>101</v>
      </c>
      <c r="C28">
        <v>12</v>
      </c>
      <c r="D28" s="5"/>
      <c r="F28" s="5"/>
    </row>
    <row r="29" spans="1:6" x14ac:dyDescent="0.4">
      <c r="A29">
        <v>28</v>
      </c>
      <c r="B29" s="5" t="s">
        <v>101</v>
      </c>
      <c r="C29">
        <v>12</v>
      </c>
      <c r="D29" s="5"/>
      <c r="F29" s="5"/>
    </row>
    <row r="30" spans="1:6" x14ac:dyDescent="0.4">
      <c r="A30">
        <v>29</v>
      </c>
      <c r="B30" s="5" t="s">
        <v>101</v>
      </c>
      <c r="C30">
        <v>12</v>
      </c>
      <c r="D30" s="5"/>
      <c r="F30" s="5"/>
    </row>
    <row r="31" spans="1:6" x14ac:dyDescent="0.4">
      <c r="A31">
        <v>30</v>
      </c>
      <c r="B31" s="5" t="s">
        <v>101</v>
      </c>
      <c r="C31">
        <v>12</v>
      </c>
      <c r="D31" s="5"/>
      <c r="F31" s="5"/>
    </row>
    <row r="32" spans="1:6" x14ac:dyDescent="0.4">
      <c r="A32">
        <v>31</v>
      </c>
      <c r="B32" s="5" t="s">
        <v>101</v>
      </c>
      <c r="C32">
        <v>12</v>
      </c>
      <c r="D32" s="5"/>
      <c r="F32" s="5"/>
    </row>
    <row r="33" spans="1:6" x14ac:dyDescent="0.4">
      <c r="A33">
        <v>32</v>
      </c>
      <c r="B33" s="5" t="s">
        <v>101</v>
      </c>
      <c r="C33">
        <v>12</v>
      </c>
      <c r="D33" s="5"/>
      <c r="F33" s="5"/>
    </row>
    <row r="34" spans="1:6" x14ac:dyDescent="0.4">
      <c r="A34">
        <v>33</v>
      </c>
      <c r="B34" s="5" t="s">
        <v>101</v>
      </c>
      <c r="C34">
        <v>12</v>
      </c>
      <c r="D34" s="5"/>
      <c r="F34" s="5"/>
    </row>
    <row r="35" spans="1:6" x14ac:dyDescent="0.4">
      <c r="A35">
        <v>34</v>
      </c>
      <c r="B35" s="5" t="s">
        <v>101</v>
      </c>
      <c r="C35">
        <v>12</v>
      </c>
      <c r="D35" s="5"/>
      <c r="F35" s="5"/>
    </row>
    <row r="36" spans="1:6" x14ac:dyDescent="0.4">
      <c r="A36">
        <v>35</v>
      </c>
      <c r="B36" s="5" t="s">
        <v>101</v>
      </c>
      <c r="C36">
        <v>24</v>
      </c>
      <c r="D36" s="5"/>
      <c r="F36" s="5"/>
    </row>
    <row r="37" spans="1:6" x14ac:dyDescent="0.4">
      <c r="A37">
        <v>36</v>
      </c>
      <c r="B37" s="5" t="s">
        <v>101</v>
      </c>
      <c r="C37">
        <v>24</v>
      </c>
      <c r="D37" s="5"/>
      <c r="F37" s="5"/>
    </row>
    <row r="38" spans="1:6" x14ac:dyDescent="0.4">
      <c r="A38">
        <v>37</v>
      </c>
      <c r="B38" s="5" t="s">
        <v>101</v>
      </c>
      <c r="C38">
        <v>24</v>
      </c>
      <c r="D38" s="5"/>
      <c r="F38" s="5"/>
    </row>
    <row r="39" spans="1:6" x14ac:dyDescent="0.4">
      <c r="A39">
        <v>38</v>
      </c>
      <c r="B39" s="5" t="s">
        <v>101</v>
      </c>
      <c r="C39">
        <v>12</v>
      </c>
      <c r="D39" s="5"/>
      <c r="F39" s="5"/>
    </row>
    <row r="40" spans="1:6" x14ac:dyDescent="0.4">
      <c r="A40">
        <v>39</v>
      </c>
      <c r="B40" s="5" t="s">
        <v>101</v>
      </c>
      <c r="C40">
        <v>12</v>
      </c>
      <c r="D40" s="5"/>
      <c r="F40" s="5"/>
    </row>
    <row r="41" spans="1:6" x14ac:dyDescent="0.4">
      <c r="A41">
        <v>40</v>
      </c>
      <c r="B41" s="5" t="s">
        <v>101</v>
      </c>
      <c r="C41">
        <v>12</v>
      </c>
      <c r="D41" s="5"/>
      <c r="F41" s="5"/>
    </row>
    <row r="42" spans="1:6" x14ac:dyDescent="0.4">
      <c r="A42">
        <v>41</v>
      </c>
      <c r="B42" s="5" t="s">
        <v>101</v>
      </c>
      <c r="C42">
        <v>20</v>
      </c>
      <c r="D42" s="5" t="s">
        <v>102</v>
      </c>
      <c r="F42" s="5"/>
    </row>
    <row r="43" spans="1:6" x14ac:dyDescent="0.4">
      <c r="A43">
        <v>42</v>
      </c>
      <c r="B43" s="5" t="s">
        <v>101</v>
      </c>
      <c r="C43">
        <v>20</v>
      </c>
      <c r="D43" s="5" t="s">
        <v>102</v>
      </c>
      <c r="F43" s="5"/>
    </row>
    <row r="44" spans="1:6" x14ac:dyDescent="0.4">
      <c r="A44">
        <v>43</v>
      </c>
      <c r="B44" s="5" t="s">
        <v>101</v>
      </c>
      <c r="C44">
        <v>20</v>
      </c>
      <c r="D44" s="5" t="s">
        <v>102</v>
      </c>
      <c r="F44" s="5"/>
    </row>
    <row r="45" spans="1:6" x14ac:dyDescent="0.4">
      <c r="A45">
        <v>44</v>
      </c>
      <c r="B45" s="5" t="s">
        <v>103</v>
      </c>
      <c r="C45">
        <v>24</v>
      </c>
      <c r="D45" s="5"/>
      <c r="F45" s="5"/>
    </row>
    <row r="46" spans="1:6" x14ac:dyDescent="0.4">
      <c r="B46" s="5"/>
      <c r="D46" s="5"/>
      <c r="E46">
        <v>1</v>
      </c>
      <c r="F46" s="5" t="s">
        <v>51</v>
      </c>
    </row>
    <row r="47" spans="1:6" x14ac:dyDescent="0.4">
      <c r="B47" s="5"/>
      <c r="D47" s="5"/>
      <c r="E47">
        <v>2</v>
      </c>
      <c r="F47" s="5" t="s">
        <v>52</v>
      </c>
    </row>
    <row r="48" spans="1:6" x14ac:dyDescent="0.4">
      <c r="B48" s="5"/>
      <c r="D48" s="5"/>
      <c r="E48">
        <v>3</v>
      </c>
      <c r="F48" s="5" t="s">
        <v>53</v>
      </c>
    </row>
    <row r="49" spans="2:6" x14ac:dyDescent="0.4">
      <c r="B49" s="5"/>
      <c r="D49" s="5"/>
      <c r="E49">
        <v>4</v>
      </c>
      <c r="F49" s="5" t="s">
        <v>54</v>
      </c>
    </row>
    <row r="50" spans="2:6" x14ac:dyDescent="0.4">
      <c r="B50" s="5"/>
      <c r="D50" s="5"/>
      <c r="E50">
        <v>5</v>
      </c>
      <c r="F50" s="5" t="s">
        <v>55</v>
      </c>
    </row>
    <row r="51" spans="2:6" x14ac:dyDescent="0.4">
      <c r="B51" s="5"/>
      <c r="D51" s="5"/>
      <c r="E51">
        <v>6</v>
      </c>
      <c r="F51" s="5" t="s">
        <v>56</v>
      </c>
    </row>
    <row r="52" spans="2:6" x14ac:dyDescent="0.4">
      <c r="B52" s="5"/>
      <c r="D52" s="5"/>
      <c r="E52">
        <v>7</v>
      </c>
      <c r="F52" s="5" t="s">
        <v>57</v>
      </c>
    </row>
    <row r="53" spans="2:6" x14ac:dyDescent="0.4">
      <c r="B53" s="5"/>
      <c r="D53" s="5"/>
      <c r="E53">
        <v>8</v>
      </c>
      <c r="F53" s="5" t="s">
        <v>58</v>
      </c>
    </row>
    <row r="54" spans="2:6" x14ac:dyDescent="0.4">
      <c r="B54" s="5"/>
      <c r="D54" s="5"/>
      <c r="E54">
        <v>9</v>
      </c>
      <c r="F54" s="5" t="s">
        <v>59</v>
      </c>
    </row>
    <row r="55" spans="2:6" x14ac:dyDescent="0.4">
      <c r="B55" s="5"/>
      <c r="D55" s="5"/>
      <c r="E55">
        <v>10</v>
      </c>
      <c r="F55" s="5" t="s">
        <v>60</v>
      </c>
    </row>
    <row r="56" spans="2:6" x14ac:dyDescent="0.4">
      <c r="B56" s="5"/>
      <c r="D56" s="5"/>
      <c r="E56">
        <v>11</v>
      </c>
      <c r="F56" s="5" t="s">
        <v>61</v>
      </c>
    </row>
    <row r="57" spans="2:6" x14ac:dyDescent="0.4">
      <c r="B57" s="5"/>
      <c r="D57" s="5"/>
      <c r="E57">
        <v>12</v>
      </c>
      <c r="F57" s="5" t="s">
        <v>62</v>
      </c>
    </row>
    <row r="58" spans="2:6" x14ac:dyDescent="0.4">
      <c r="B58" s="5"/>
      <c r="D58" s="5"/>
      <c r="E58">
        <v>13</v>
      </c>
      <c r="F58" s="5" t="s">
        <v>63</v>
      </c>
    </row>
    <row r="59" spans="2:6" x14ac:dyDescent="0.4">
      <c r="B59" s="5"/>
      <c r="D59" s="5"/>
      <c r="E59">
        <v>14</v>
      </c>
      <c r="F59" s="5" t="s">
        <v>64</v>
      </c>
    </row>
    <row r="60" spans="2:6" x14ac:dyDescent="0.4">
      <c r="B60" s="5"/>
      <c r="D60" s="5"/>
      <c r="E60">
        <v>15</v>
      </c>
      <c r="F60" s="5" t="s">
        <v>65</v>
      </c>
    </row>
    <row r="61" spans="2:6" x14ac:dyDescent="0.4">
      <c r="B61" s="5"/>
      <c r="D61" s="5"/>
      <c r="E61">
        <v>16</v>
      </c>
      <c r="F61" s="5" t="s">
        <v>66</v>
      </c>
    </row>
    <row r="62" spans="2:6" x14ac:dyDescent="0.4">
      <c r="B62" s="5"/>
      <c r="D62" s="5"/>
      <c r="E62">
        <v>17</v>
      </c>
      <c r="F62" s="5" t="s">
        <v>67</v>
      </c>
    </row>
    <row r="63" spans="2:6" x14ac:dyDescent="0.4">
      <c r="B63" s="5"/>
      <c r="D63" s="5"/>
      <c r="E63">
        <v>18</v>
      </c>
      <c r="F63" s="5" t="s">
        <v>68</v>
      </c>
    </row>
    <row r="64" spans="2:6" x14ac:dyDescent="0.4">
      <c r="B64" s="5"/>
      <c r="D64" s="5"/>
      <c r="E64">
        <v>19</v>
      </c>
      <c r="F64" s="5" t="s">
        <v>69</v>
      </c>
    </row>
    <row r="65" spans="2:6" x14ac:dyDescent="0.4">
      <c r="B65" s="5"/>
      <c r="D65" s="5"/>
      <c r="E65">
        <v>20</v>
      </c>
      <c r="F65" s="5" t="s">
        <v>70</v>
      </c>
    </row>
    <row r="66" spans="2:6" x14ac:dyDescent="0.4">
      <c r="B66" s="5"/>
      <c r="D66" s="5"/>
      <c r="E66">
        <v>21</v>
      </c>
      <c r="F66" s="5" t="s">
        <v>71</v>
      </c>
    </row>
    <row r="67" spans="2:6" x14ac:dyDescent="0.4">
      <c r="B67" s="5"/>
      <c r="D67" s="5"/>
      <c r="E67">
        <v>22</v>
      </c>
      <c r="F67" s="5" t="s">
        <v>72</v>
      </c>
    </row>
    <row r="68" spans="2:6" x14ac:dyDescent="0.4">
      <c r="B68" s="5"/>
      <c r="D68" s="5"/>
      <c r="E68">
        <v>23</v>
      </c>
      <c r="F68" s="5" t="s">
        <v>73</v>
      </c>
    </row>
    <row r="69" spans="2:6" x14ac:dyDescent="0.4">
      <c r="B69" s="5"/>
      <c r="D69" s="5"/>
      <c r="E69">
        <v>24</v>
      </c>
      <c r="F69" s="5" t="s">
        <v>74</v>
      </c>
    </row>
    <row r="70" spans="2:6" x14ac:dyDescent="0.4">
      <c r="B70" s="5"/>
      <c r="D70" s="5"/>
      <c r="E70">
        <v>25</v>
      </c>
      <c r="F70" s="5" t="s">
        <v>75</v>
      </c>
    </row>
    <row r="71" spans="2:6" x14ac:dyDescent="0.4">
      <c r="B71" s="5"/>
      <c r="D71" s="5"/>
      <c r="E71">
        <v>26</v>
      </c>
      <c r="F71" s="5" t="s">
        <v>76</v>
      </c>
    </row>
    <row r="72" spans="2:6" x14ac:dyDescent="0.4">
      <c r="B72" s="5"/>
      <c r="D72" s="5"/>
      <c r="E72">
        <v>27</v>
      </c>
      <c r="F72" s="5" t="s">
        <v>77</v>
      </c>
    </row>
    <row r="73" spans="2:6" x14ac:dyDescent="0.4">
      <c r="B73" s="5"/>
      <c r="D73" s="5"/>
      <c r="E73">
        <v>28</v>
      </c>
      <c r="F73" s="5" t="s">
        <v>78</v>
      </c>
    </row>
    <row r="74" spans="2:6" x14ac:dyDescent="0.4">
      <c r="B74" s="5"/>
      <c r="D74" s="5"/>
      <c r="E74">
        <v>29</v>
      </c>
      <c r="F74" s="5" t="s">
        <v>79</v>
      </c>
    </row>
    <row r="75" spans="2:6" x14ac:dyDescent="0.4">
      <c r="B75" s="5"/>
      <c r="D75" s="5"/>
      <c r="E75">
        <v>30</v>
      </c>
      <c r="F75" s="5" t="s">
        <v>80</v>
      </c>
    </row>
    <row r="76" spans="2:6" x14ac:dyDescent="0.4">
      <c r="B76" s="5"/>
      <c r="D76" s="5"/>
      <c r="E76">
        <v>31</v>
      </c>
      <c r="F76" s="5" t="s">
        <v>81</v>
      </c>
    </row>
    <row r="77" spans="2:6" x14ac:dyDescent="0.4">
      <c r="B77" s="5"/>
      <c r="D77" s="5"/>
      <c r="E77">
        <v>32</v>
      </c>
      <c r="F77" s="5" t="s">
        <v>82</v>
      </c>
    </row>
    <row r="78" spans="2:6" x14ac:dyDescent="0.4">
      <c r="B78" s="5"/>
      <c r="D78" s="5"/>
      <c r="E78">
        <v>33</v>
      </c>
      <c r="F78" s="5" t="s">
        <v>83</v>
      </c>
    </row>
    <row r="79" spans="2:6" x14ac:dyDescent="0.4">
      <c r="B79" s="5"/>
      <c r="D79" s="5"/>
      <c r="E79">
        <v>34</v>
      </c>
      <c r="F79" s="5" t="s">
        <v>84</v>
      </c>
    </row>
    <row r="80" spans="2:6" x14ac:dyDescent="0.4">
      <c r="B80" s="5"/>
      <c r="D80" s="5"/>
      <c r="E80">
        <v>35</v>
      </c>
      <c r="F80" s="5" t="s">
        <v>85</v>
      </c>
    </row>
    <row r="81" spans="2:6" x14ac:dyDescent="0.4">
      <c r="B81" s="5"/>
      <c r="D81" s="5"/>
      <c r="E81">
        <v>36</v>
      </c>
      <c r="F81" s="5" t="s">
        <v>86</v>
      </c>
    </row>
    <row r="82" spans="2:6" x14ac:dyDescent="0.4">
      <c r="B82" s="5"/>
      <c r="D82" s="5"/>
      <c r="E82">
        <v>37</v>
      </c>
      <c r="F82" s="5" t="s">
        <v>87</v>
      </c>
    </row>
    <row r="83" spans="2:6" x14ac:dyDescent="0.4">
      <c r="B83" s="5"/>
      <c r="D83" s="5"/>
      <c r="E83">
        <v>38</v>
      </c>
      <c r="F83" s="5" t="s">
        <v>88</v>
      </c>
    </row>
    <row r="84" spans="2:6" x14ac:dyDescent="0.4">
      <c r="B84" s="5"/>
      <c r="D84" s="5"/>
      <c r="E84">
        <v>39</v>
      </c>
      <c r="F84" s="5" t="s">
        <v>89</v>
      </c>
    </row>
    <row r="85" spans="2:6" x14ac:dyDescent="0.4">
      <c r="B85" s="5"/>
      <c r="D85" s="5"/>
      <c r="E85">
        <v>40</v>
      </c>
      <c r="F85" s="5" t="s">
        <v>90</v>
      </c>
    </row>
    <row r="86" spans="2:6" x14ac:dyDescent="0.4">
      <c r="B86" s="5"/>
      <c r="D86" s="5"/>
      <c r="E86">
        <v>41</v>
      </c>
      <c r="F86" s="5" t="s">
        <v>91</v>
      </c>
    </row>
    <row r="87" spans="2:6" x14ac:dyDescent="0.4">
      <c r="B87" s="5"/>
      <c r="D87" s="5"/>
      <c r="E87">
        <v>42</v>
      </c>
      <c r="F87" s="5" t="s">
        <v>92</v>
      </c>
    </row>
    <row r="88" spans="2:6" x14ac:dyDescent="0.4">
      <c r="B88" s="5"/>
      <c r="D88" s="5"/>
      <c r="E88">
        <v>43</v>
      </c>
      <c r="F88" s="5" t="s">
        <v>93</v>
      </c>
    </row>
    <row r="89" spans="2:6" x14ac:dyDescent="0.4">
      <c r="B89" s="5"/>
      <c r="D89" s="5"/>
      <c r="E89">
        <v>44</v>
      </c>
      <c r="F89" s="5" t="s">
        <v>94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Customer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2:19:42Z</dcterms:created>
  <dcterms:modified xsi:type="dcterms:W3CDTF">2024-02-29T06:12:04Z</dcterms:modified>
</cp:coreProperties>
</file>